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7_税政G\４年度\40_税財政データ集\02_R03年度完成版\輿石\転記先ファイル\"/>
    </mc:Choice>
  </mc:AlternateContent>
  <bookViews>
    <workbookView xWindow="0" yWindow="0" windowWidth="23040" windowHeight="9168"/>
  </bookViews>
  <sheets>
    <sheet name="国保①" sheetId="1" r:id="rId1"/>
    <sheet name="国保②" sheetId="11" r:id="rId2"/>
  </sheets>
  <calcPr calcId="162913"/>
</workbook>
</file>

<file path=xl/sharedStrings.xml><?xml version="1.0" encoding="utf-8"?>
<sst xmlns="http://schemas.openxmlformats.org/spreadsheetml/2006/main" count="175" uniqueCount="81">
  <si>
    <t>％</t>
    <phoneticPr fontId="2"/>
  </si>
  <si>
    <t>区分</t>
    <rPh sb="0" eb="2">
      <t>クブン</t>
    </rPh>
    <phoneticPr fontId="2"/>
  </si>
  <si>
    <t>全世帯数</t>
    <rPh sb="0" eb="1">
      <t>ゼン</t>
    </rPh>
    <rPh sb="1" eb="4">
      <t>セタイスウ</t>
    </rPh>
    <phoneticPr fontId="2"/>
  </si>
  <si>
    <t>全人口</t>
    <rPh sb="0" eb="3">
      <t>ゼンジンコウ</t>
    </rPh>
    <phoneticPr fontId="2"/>
  </si>
  <si>
    <t>加入世帯数</t>
    <rPh sb="0" eb="2">
      <t>カニュウ</t>
    </rPh>
    <rPh sb="2" eb="5">
      <t>セタイスウ</t>
    </rPh>
    <phoneticPr fontId="2"/>
  </si>
  <si>
    <t>加入被保険者数</t>
    <rPh sb="0" eb="2">
      <t>カニュウ</t>
    </rPh>
    <rPh sb="2" eb="6">
      <t>ヒホケンシャ</t>
    </rPh>
    <rPh sb="6" eb="7">
      <t>セタイスウ</t>
    </rPh>
    <phoneticPr fontId="2"/>
  </si>
  <si>
    <t>加入割合</t>
    <rPh sb="0" eb="2">
      <t>カニュウ</t>
    </rPh>
    <rPh sb="2" eb="4">
      <t>ワリアイ</t>
    </rPh>
    <phoneticPr fontId="2"/>
  </si>
  <si>
    <t>市町村名</t>
    <rPh sb="0" eb="3">
      <t>シチョウソン</t>
    </rPh>
    <rPh sb="3" eb="4">
      <t>メイ</t>
    </rPh>
    <phoneticPr fontId="2"/>
  </si>
  <si>
    <t>(A)　世帯</t>
    <rPh sb="4" eb="6">
      <t>セタイ</t>
    </rPh>
    <phoneticPr fontId="2"/>
  </si>
  <si>
    <t>(B)　人</t>
    <rPh sb="4" eb="5">
      <t>ニン</t>
    </rPh>
    <phoneticPr fontId="2"/>
  </si>
  <si>
    <t>(C)　世帯</t>
    <rPh sb="4" eb="6">
      <t>セタイ</t>
    </rPh>
    <phoneticPr fontId="2"/>
  </si>
  <si>
    <t>(D)　人</t>
    <rPh sb="4" eb="5">
      <t>ニン</t>
    </rPh>
    <phoneticPr fontId="2"/>
  </si>
  <si>
    <t>(D)/(C)　人</t>
    <rPh sb="8" eb="9">
      <t>ニン</t>
    </rPh>
    <phoneticPr fontId="2"/>
  </si>
  <si>
    <t>横浜市</t>
    <rPh sb="0" eb="3">
      <t>ヨコハマシ</t>
    </rPh>
    <phoneticPr fontId="2"/>
  </si>
  <si>
    <t>川崎市</t>
    <rPh sb="0" eb="3">
      <t>カワサキシ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茅ヶ崎市</t>
    <rPh sb="0" eb="4">
      <t>チガサキシ</t>
    </rPh>
    <phoneticPr fontId="2"/>
  </si>
  <si>
    <t>逗子市</t>
    <rPh sb="0" eb="3">
      <t>ズシシ</t>
    </rPh>
    <phoneticPr fontId="2"/>
  </si>
  <si>
    <t>相模原市</t>
    <rPh sb="0" eb="4">
      <t>サガミハラシ</t>
    </rPh>
    <phoneticPr fontId="2"/>
  </si>
  <si>
    <t>三浦市</t>
    <rPh sb="0" eb="2">
      <t>ミウラ</t>
    </rPh>
    <rPh sb="2" eb="3">
      <t>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2">
      <t>ヤマトシ</t>
    </rPh>
    <rPh sb="2" eb="3">
      <t>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南足柄市</t>
    <rPh sb="0" eb="4">
      <t>ミナミアシガラシ</t>
    </rPh>
    <phoneticPr fontId="2"/>
  </si>
  <si>
    <t>綾瀬市</t>
    <rPh sb="0" eb="3">
      <t>アヤセシ</t>
    </rPh>
    <phoneticPr fontId="2"/>
  </si>
  <si>
    <t>葉山町</t>
    <rPh sb="0" eb="3">
      <t>ハヤママチ</t>
    </rPh>
    <phoneticPr fontId="2"/>
  </si>
  <si>
    <t>寒川町</t>
    <rPh sb="0" eb="3">
      <t>サムカワマチ</t>
    </rPh>
    <phoneticPr fontId="2"/>
  </si>
  <si>
    <t>大磯町</t>
    <rPh sb="0" eb="3">
      <t>オオイソマチ</t>
    </rPh>
    <phoneticPr fontId="2"/>
  </si>
  <si>
    <t>二宮町</t>
    <rPh sb="0" eb="2">
      <t>ニノミヤ</t>
    </rPh>
    <rPh sb="2" eb="3">
      <t>マチ</t>
    </rPh>
    <phoneticPr fontId="2"/>
  </si>
  <si>
    <t>中井町</t>
    <rPh sb="0" eb="3">
      <t>ナカイマチ</t>
    </rPh>
    <phoneticPr fontId="2"/>
  </si>
  <si>
    <t>大井町</t>
    <rPh sb="0" eb="2">
      <t>オオイ</t>
    </rPh>
    <rPh sb="2" eb="3">
      <t>マチ</t>
    </rPh>
    <phoneticPr fontId="2"/>
  </si>
  <si>
    <t>松田町</t>
    <rPh sb="0" eb="3">
      <t>マツダマチ</t>
    </rPh>
    <phoneticPr fontId="2"/>
  </si>
  <si>
    <t>山北町</t>
    <rPh sb="0" eb="2">
      <t>ヤマキタ</t>
    </rPh>
    <rPh sb="2" eb="3">
      <t>マチ</t>
    </rPh>
    <phoneticPr fontId="2"/>
  </si>
  <si>
    <t>開成町</t>
    <rPh sb="0" eb="2">
      <t>カイセイ</t>
    </rPh>
    <rPh sb="2" eb="3">
      <t>マチ</t>
    </rPh>
    <phoneticPr fontId="2"/>
  </si>
  <si>
    <t>箱根町</t>
    <rPh sb="0" eb="3">
      <t>ハコネマチ</t>
    </rPh>
    <phoneticPr fontId="2"/>
  </si>
  <si>
    <t>真鶴町</t>
    <rPh sb="0" eb="2">
      <t>マナツル</t>
    </rPh>
    <rPh sb="2" eb="3">
      <t>マチ</t>
    </rPh>
    <phoneticPr fontId="2"/>
  </si>
  <si>
    <t>湯河原町</t>
    <rPh sb="0" eb="4">
      <t>ユガワラマチ</t>
    </rPh>
    <phoneticPr fontId="2"/>
  </si>
  <si>
    <t>愛川町</t>
    <rPh sb="0" eb="3">
      <t>アイカワマチ</t>
    </rPh>
    <phoneticPr fontId="2"/>
  </si>
  <si>
    <t>清川村</t>
    <rPh sb="0" eb="2">
      <t>キヨカワ</t>
    </rPh>
    <rPh sb="2" eb="3">
      <t>ムラ</t>
    </rPh>
    <phoneticPr fontId="2"/>
  </si>
  <si>
    <t>県計</t>
    <rPh sb="0" eb="1">
      <t>ケン</t>
    </rPh>
    <rPh sb="1" eb="2">
      <t>ケイ</t>
    </rPh>
    <phoneticPr fontId="2"/>
  </si>
  <si>
    <t>課税（賦課）の実績額</t>
    <rPh sb="0" eb="2">
      <t>カゼイ</t>
    </rPh>
    <rPh sb="3" eb="5">
      <t>フカ</t>
    </rPh>
    <rPh sb="7" eb="9">
      <t>ジッセキ</t>
    </rPh>
    <rPh sb="9" eb="10">
      <t>ガク</t>
    </rPh>
    <phoneticPr fontId="2"/>
  </si>
  <si>
    <t>所得割総額</t>
    <rPh sb="0" eb="2">
      <t>ショトク</t>
    </rPh>
    <rPh sb="2" eb="3">
      <t>ワリ</t>
    </rPh>
    <rPh sb="3" eb="5">
      <t>ソウガク</t>
    </rPh>
    <phoneticPr fontId="2"/>
  </si>
  <si>
    <t>資産割総額</t>
    <rPh sb="0" eb="2">
      <t>シサン</t>
    </rPh>
    <rPh sb="2" eb="3">
      <t>ワリ</t>
    </rPh>
    <rPh sb="3" eb="5">
      <t>ソウガク</t>
    </rPh>
    <phoneticPr fontId="2"/>
  </si>
  <si>
    <t>均等割総額</t>
    <rPh sb="0" eb="3">
      <t>キントウワ</t>
    </rPh>
    <rPh sb="3" eb="5">
      <t>ソウガク</t>
    </rPh>
    <phoneticPr fontId="2"/>
  </si>
  <si>
    <t>平等割総額</t>
    <rPh sb="0" eb="2">
      <t>ビョウドウ</t>
    </rPh>
    <rPh sb="2" eb="3">
      <t>ワリ</t>
    </rPh>
    <rPh sb="3" eb="5">
      <t>ソウガク</t>
    </rPh>
    <phoneticPr fontId="2"/>
  </si>
  <si>
    <t>課税（賦課）総額</t>
    <rPh sb="0" eb="2">
      <t>カゼイ</t>
    </rPh>
    <rPh sb="3" eb="5">
      <t>フカ</t>
    </rPh>
    <rPh sb="6" eb="7">
      <t>フサ</t>
    </rPh>
    <rPh sb="7" eb="8">
      <t>ガク</t>
    </rPh>
    <phoneticPr fontId="2"/>
  </si>
  <si>
    <t>(単位：千円）</t>
    <rPh sb="1" eb="3">
      <t>タンイ</t>
    </rPh>
    <rPh sb="4" eb="6">
      <t>センエン</t>
    </rPh>
    <phoneticPr fontId="2"/>
  </si>
  <si>
    <t>（E)　世帯</t>
    <rPh sb="4" eb="6">
      <t>セタイ</t>
    </rPh>
    <phoneticPr fontId="2"/>
  </si>
  <si>
    <t>(F)　人</t>
    <rPh sb="4" eb="5">
      <t>ニン</t>
    </rPh>
    <phoneticPr fontId="2"/>
  </si>
  <si>
    <t>(F)/(E)　人</t>
    <rPh sb="8" eb="9">
      <t>ニン</t>
    </rPh>
    <phoneticPr fontId="2"/>
  </si>
  <si>
    <t>基礎課税
(賦課)額</t>
    <rPh sb="0" eb="2">
      <t>キソ</t>
    </rPh>
    <rPh sb="2" eb="4">
      <t>カゼイ</t>
    </rPh>
    <rPh sb="6" eb="8">
      <t>フカ</t>
    </rPh>
    <rPh sb="9" eb="10">
      <t>ガク</t>
    </rPh>
    <phoneticPr fontId="2"/>
  </si>
  <si>
    <t>後期高齢者
支援金等課
税(賦課)額</t>
    <rPh sb="0" eb="2">
      <t>コウキ</t>
    </rPh>
    <rPh sb="2" eb="5">
      <t>コウレイシャ</t>
    </rPh>
    <rPh sb="6" eb="9">
      <t>シエンキン</t>
    </rPh>
    <rPh sb="9" eb="10">
      <t>トウ</t>
    </rPh>
    <rPh sb="10" eb="11">
      <t>カ</t>
    </rPh>
    <rPh sb="12" eb="13">
      <t>ゼイ</t>
    </rPh>
    <rPh sb="14" eb="16">
      <t>フカ</t>
    </rPh>
    <rPh sb="17" eb="18">
      <t>ガク</t>
    </rPh>
    <phoneticPr fontId="2"/>
  </si>
  <si>
    <t>介護納付
金 課 税
(賦課)額</t>
    <rPh sb="0" eb="2">
      <t>カイゴ</t>
    </rPh>
    <rPh sb="2" eb="4">
      <t>ノウフ</t>
    </rPh>
    <rPh sb="5" eb="6">
      <t>キン</t>
    </rPh>
    <rPh sb="7" eb="8">
      <t>カ</t>
    </rPh>
    <rPh sb="9" eb="10">
      <t>ゼイ</t>
    </rPh>
    <rPh sb="12" eb="14">
      <t>フカ</t>
    </rPh>
    <rPh sb="15" eb="16">
      <t>ガク</t>
    </rPh>
    <phoneticPr fontId="2"/>
  </si>
  <si>
    <t>（G)　世帯</t>
    <rPh sb="4" eb="6">
      <t>セタイ</t>
    </rPh>
    <phoneticPr fontId="2"/>
  </si>
  <si>
    <t>(H)　人</t>
    <rPh sb="4" eb="5">
      <t>ニン</t>
    </rPh>
    <phoneticPr fontId="2"/>
  </si>
  <si>
    <t>(H)/(G)　人</t>
    <rPh sb="8" eb="9">
      <t>ニン</t>
    </rPh>
    <phoneticPr fontId="2"/>
  </si>
  <si>
    <t>(基礎課税
(賦課)分)</t>
    <rPh sb="7" eb="9">
      <t>フカ</t>
    </rPh>
    <rPh sb="10" eb="11">
      <t>ブン</t>
    </rPh>
    <phoneticPr fontId="2"/>
  </si>
  <si>
    <t>一世帯当たり被保険者数</t>
    <rPh sb="0" eb="3">
      <t>イッセタイ</t>
    </rPh>
    <rPh sb="3" eb="4">
      <t>ア</t>
    </rPh>
    <rPh sb="6" eb="10">
      <t>ヒホケンシャ</t>
    </rPh>
    <rPh sb="10" eb="11">
      <t>スウ</t>
    </rPh>
    <phoneticPr fontId="2"/>
  </si>
  <si>
    <t>税･料
の別</t>
    <rPh sb="0" eb="1">
      <t>ゼイ</t>
    </rPh>
    <rPh sb="2" eb="3">
      <t>リョウ</t>
    </rPh>
    <rPh sb="5" eb="6">
      <t>ベツ</t>
    </rPh>
    <phoneticPr fontId="2"/>
  </si>
  <si>
    <t>(C)/(A)</t>
    <phoneticPr fontId="2"/>
  </si>
  <si>
    <t>(D)/(B)</t>
    <phoneticPr fontId="2"/>
  </si>
  <si>
    <t>(E)/(C)</t>
    <phoneticPr fontId="2"/>
  </si>
  <si>
    <t>(F)/(D)</t>
    <phoneticPr fontId="2"/>
  </si>
  <si>
    <t>(G)/(C)</t>
    <phoneticPr fontId="2"/>
  </si>
  <si>
    <t>(H)/(D)</t>
    <phoneticPr fontId="2"/>
  </si>
  <si>
    <t>(後期高齢者
支援金等課
税(賦課)分)</t>
    <rPh sb="1" eb="3">
      <t>コウキ</t>
    </rPh>
    <rPh sb="3" eb="6">
      <t>コウレイシャ</t>
    </rPh>
    <rPh sb="7" eb="9">
      <t>シエン</t>
    </rPh>
    <rPh sb="9" eb="10">
      <t>キン</t>
    </rPh>
    <rPh sb="10" eb="11">
      <t>トウ</t>
    </rPh>
    <rPh sb="13" eb="14">
      <t>ゼイ</t>
    </rPh>
    <rPh sb="15" eb="17">
      <t>フカ</t>
    </rPh>
    <rPh sb="18" eb="19">
      <t>ブン</t>
    </rPh>
    <phoneticPr fontId="2"/>
  </si>
  <si>
    <t>(介護納付
金課税
(賦課)分)</t>
    <rPh sb="11" eb="13">
      <t>フカ</t>
    </rPh>
    <rPh sb="14" eb="15">
      <t>ブン</t>
    </rPh>
    <phoneticPr fontId="2"/>
  </si>
  <si>
    <t>　    イ　課税（賦課）の実績額</t>
    <rPh sb="7" eb="9">
      <t>カゼイ</t>
    </rPh>
    <rPh sb="10" eb="12">
      <t>フカ</t>
    </rPh>
    <rPh sb="14" eb="16">
      <t>ジッセキ</t>
    </rPh>
    <rPh sb="16" eb="17">
      <t>ガク</t>
    </rPh>
    <phoneticPr fontId="2"/>
  </si>
  <si>
    <t>料</t>
    <rPh sb="0" eb="1">
      <t>リョウ</t>
    </rPh>
    <phoneticPr fontId="2"/>
  </si>
  <si>
    <t>税</t>
    <rPh sb="0" eb="1">
      <t>ゼイ</t>
    </rPh>
    <phoneticPr fontId="2"/>
  </si>
  <si>
    <t>　    ア　加入者の状況等（令和４年３月31日現在）</t>
    <rPh sb="7" eb="10">
      <t>カニュウシャ</t>
    </rPh>
    <rPh sb="11" eb="14">
      <t>ジョウキョウトウ</t>
    </rPh>
    <rPh sb="15" eb="17">
      <t>レイワ</t>
    </rPh>
    <rPh sb="18" eb="19">
      <t>ネン</t>
    </rPh>
    <rPh sb="20" eb="21">
      <t>ガツ</t>
    </rPh>
    <rPh sb="21" eb="24">
      <t>３１ニチ</t>
    </rPh>
    <rPh sb="24" eb="26">
      <t>ゲンザイ</t>
    </rPh>
    <phoneticPr fontId="2"/>
  </si>
  <si>
    <t>令和４年度市町村税課税状況等の調（国民健康保険税関係）(１表)</t>
    <rPh sb="0" eb="2">
      <t>レイワ</t>
    </rPh>
    <rPh sb="3" eb="5">
      <t>ネンド</t>
    </rPh>
    <rPh sb="4" eb="5">
      <t>ヘイネン</t>
    </rPh>
    <rPh sb="5" eb="7">
      <t>シチョウ</t>
    </rPh>
    <rPh sb="7" eb="9">
      <t>ソンゼイ</t>
    </rPh>
    <rPh sb="9" eb="11">
      <t>カゼイ</t>
    </rPh>
    <rPh sb="11" eb="13">
      <t>ジョウキョウ</t>
    </rPh>
    <rPh sb="13" eb="14">
      <t>トウ</t>
    </rPh>
    <rPh sb="15" eb="16">
      <t>シラ</t>
    </rPh>
    <rPh sb="17" eb="19">
      <t>コクミン</t>
    </rPh>
    <rPh sb="19" eb="21">
      <t>ケンコウ</t>
    </rPh>
    <rPh sb="21" eb="23">
      <t>ホケン</t>
    </rPh>
    <rPh sb="23" eb="24">
      <t>ゼイ</t>
    </rPh>
    <rPh sb="24" eb="26">
      <t>カンケイ</t>
    </rPh>
    <rPh sb="29" eb="30">
      <t>ヒョウ</t>
    </rPh>
    <phoneticPr fontId="2"/>
  </si>
  <si>
    <t>令和４年度市町村税課税状況等の調（国民健康保険税関係）(２表)</t>
    <rPh sb="0" eb="2">
      <t>レイワ</t>
    </rPh>
    <rPh sb="3" eb="5">
      <t>ネンド</t>
    </rPh>
    <rPh sb="4" eb="5">
      <t>ヘイネン</t>
    </rPh>
    <rPh sb="5" eb="7">
      <t>シチョウ</t>
    </rPh>
    <rPh sb="7" eb="9">
      <t>ソンゼイ</t>
    </rPh>
    <rPh sb="9" eb="11">
      <t>カゼイ</t>
    </rPh>
    <rPh sb="11" eb="13">
      <t>ジョウキョウ</t>
    </rPh>
    <rPh sb="13" eb="14">
      <t>トウ</t>
    </rPh>
    <rPh sb="15" eb="16">
      <t>シラ</t>
    </rPh>
    <rPh sb="17" eb="19">
      <t>コクミン</t>
    </rPh>
    <rPh sb="19" eb="21">
      <t>ケンコウ</t>
    </rPh>
    <rPh sb="21" eb="23">
      <t>ホケン</t>
    </rPh>
    <rPh sb="23" eb="24">
      <t>ゼイ</t>
    </rPh>
    <rPh sb="24" eb="26">
      <t>カンケイ</t>
    </rPh>
    <rPh sb="29" eb="30">
      <t>ヒョウ</t>
    </rPh>
    <phoneticPr fontId="2"/>
  </si>
  <si>
    <t>（４）　令和３年度国民健康保険税(料）</t>
    <rPh sb="4" eb="6">
      <t>レイワ</t>
    </rPh>
    <rPh sb="7" eb="9">
      <t>ネンド</t>
    </rPh>
    <rPh sb="9" eb="11">
      <t>コクミン</t>
    </rPh>
    <rPh sb="11" eb="13">
      <t>ケンコウ</t>
    </rPh>
    <rPh sb="13" eb="15">
      <t>ホケン</t>
    </rPh>
    <rPh sb="15" eb="16">
      <t>ゼイ</t>
    </rPh>
    <rPh sb="17" eb="18">
      <t>リ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_(* #,##0_);_(* \(#,##0\);_(* &quot;-&quot;_);_(@_)"/>
    <numFmt numFmtId="177" formatCode="0.0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8"/>
      <name val="ＭＳ ゴシック"/>
      <family val="3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  <font>
      <sz val="5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</borders>
  <cellStyleXfs count="4">
    <xf numFmtId="0" fontId="0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3" fillId="0" borderId="0"/>
  </cellStyleXfs>
  <cellXfs count="104">
    <xf numFmtId="0" fontId="0" fillId="0" borderId="0" xfId="0"/>
    <xf numFmtId="38" fontId="4" fillId="0" borderId="0" xfId="2" applyFont="1" applyFill="1"/>
    <xf numFmtId="38" fontId="5" fillId="0" borderId="0" xfId="2" applyFont="1" applyFill="1"/>
    <xf numFmtId="38" fontId="5" fillId="0" borderId="0" xfId="2" applyFont="1" applyFill="1" applyBorder="1"/>
    <xf numFmtId="38" fontId="5" fillId="0" borderId="0" xfId="2" applyFont="1" applyFill="1" applyBorder="1" applyAlignment="1"/>
    <xf numFmtId="38" fontId="5" fillId="0" borderId="0" xfId="2" applyFont="1" applyFill="1" applyBorder="1" applyAlignment="1">
      <alignment horizontal="center"/>
    </xf>
    <xf numFmtId="38" fontId="6" fillId="0" borderId="5" xfId="2" applyFont="1" applyFill="1" applyBorder="1" applyAlignment="1">
      <alignment horizontal="right" vertical="top" wrapText="1"/>
    </xf>
    <xf numFmtId="38" fontId="7" fillId="0" borderId="0" xfId="2" applyFont="1" applyFill="1" applyAlignment="1">
      <alignment horizontal="center" vertical="center" wrapText="1"/>
    </xf>
    <xf numFmtId="38" fontId="7" fillId="0" borderId="1" xfId="2" applyFont="1" applyFill="1" applyBorder="1" applyAlignment="1">
      <alignment horizontal="right" wrapText="1"/>
    </xf>
    <xf numFmtId="38" fontId="6" fillId="0" borderId="3" xfId="2" applyFont="1" applyFill="1" applyBorder="1" applyAlignment="1">
      <alignment horizontal="left" wrapText="1"/>
    </xf>
    <xf numFmtId="38" fontId="5" fillId="0" borderId="3" xfId="2" applyFont="1" applyFill="1" applyBorder="1" applyAlignment="1">
      <alignment horizontal="center" vertical="center" wrapText="1"/>
    </xf>
    <xf numFmtId="38" fontId="5" fillId="0" borderId="2" xfId="2" applyFont="1" applyFill="1" applyBorder="1" applyAlignment="1">
      <alignment horizontal="center" vertical="center" wrapText="1"/>
    </xf>
    <xf numFmtId="38" fontId="5" fillId="0" borderId="4" xfId="2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shrinkToFit="1"/>
    </xf>
    <xf numFmtId="38" fontId="5" fillId="0" borderId="0" xfId="2" applyFont="1" applyFill="1" applyAlignment="1">
      <alignment horizontal="center" vertical="center" wrapText="1"/>
    </xf>
    <xf numFmtId="0" fontId="6" fillId="0" borderId="5" xfId="2" applyNumberFormat="1" applyFont="1" applyFill="1" applyBorder="1" applyAlignment="1">
      <alignment horizontal="distributed" vertical="center" wrapText="1"/>
    </xf>
    <xf numFmtId="38" fontId="6" fillId="0" borderId="6" xfId="2" applyFont="1" applyFill="1" applyBorder="1" applyAlignment="1">
      <alignment horizontal="right" vertical="center" wrapText="1"/>
    </xf>
    <xf numFmtId="38" fontId="6" fillId="0" borderId="14" xfId="2" applyFont="1" applyFill="1" applyBorder="1" applyAlignment="1">
      <alignment horizontal="left" vertical="center" wrapText="1"/>
    </xf>
    <xf numFmtId="38" fontId="5" fillId="0" borderId="0" xfId="2" applyFont="1" applyFill="1" applyAlignment="1">
      <alignment vertical="center"/>
    </xf>
    <xf numFmtId="0" fontId="6" fillId="0" borderId="1" xfId="2" applyNumberFormat="1" applyFont="1" applyFill="1" applyBorder="1" applyAlignment="1">
      <alignment horizontal="distributed" vertical="center" wrapText="1"/>
    </xf>
    <xf numFmtId="38" fontId="6" fillId="0" borderId="16" xfId="2" applyFont="1" applyFill="1" applyBorder="1" applyAlignment="1">
      <alignment horizontal="right" vertical="center" wrapText="1"/>
    </xf>
    <xf numFmtId="38" fontId="6" fillId="0" borderId="0" xfId="2" applyFont="1" applyFill="1" applyBorder="1" applyAlignment="1">
      <alignment horizontal="left" vertical="center" wrapText="1"/>
    </xf>
    <xf numFmtId="0" fontId="6" fillId="0" borderId="10" xfId="2" applyNumberFormat="1" applyFont="1" applyFill="1" applyBorder="1" applyAlignment="1">
      <alignment horizontal="distributed" vertical="center" wrapText="1"/>
    </xf>
    <xf numFmtId="38" fontId="6" fillId="0" borderId="20" xfId="2" applyFont="1" applyFill="1" applyBorder="1" applyAlignment="1">
      <alignment horizontal="right" vertical="center" wrapText="1"/>
    </xf>
    <xf numFmtId="38" fontId="6" fillId="0" borderId="11" xfId="2" applyFont="1" applyFill="1" applyBorder="1" applyAlignment="1">
      <alignment horizontal="left" vertical="center" wrapText="1"/>
    </xf>
    <xf numFmtId="0" fontId="6" fillId="0" borderId="12" xfId="2" applyNumberFormat="1" applyFont="1" applyFill="1" applyBorder="1" applyAlignment="1">
      <alignment horizontal="distributed" vertical="center" wrapText="1"/>
    </xf>
    <xf numFmtId="38" fontId="6" fillId="0" borderId="21" xfId="2" applyFont="1" applyFill="1" applyBorder="1" applyAlignment="1">
      <alignment horizontal="right" vertical="center" wrapText="1"/>
    </xf>
    <xf numFmtId="38" fontId="6" fillId="0" borderId="13" xfId="2" applyFont="1" applyFill="1" applyBorder="1" applyAlignment="1">
      <alignment horizontal="left" vertical="center" wrapText="1"/>
    </xf>
    <xf numFmtId="0" fontId="6" fillId="0" borderId="3" xfId="2" applyNumberFormat="1" applyFont="1" applyFill="1" applyBorder="1" applyAlignment="1">
      <alignment horizontal="distributed" vertical="center" wrapText="1"/>
    </xf>
    <xf numFmtId="38" fontId="6" fillId="0" borderId="2" xfId="2" applyFont="1" applyFill="1" applyBorder="1" applyAlignment="1">
      <alignment horizontal="right" vertical="center" wrapText="1"/>
    </xf>
    <xf numFmtId="38" fontId="6" fillId="0" borderId="15" xfId="2" applyFont="1" applyFill="1" applyBorder="1" applyAlignment="1">
      <alignment horizontal="left" vertical="center" wrapText="1"/>
    </xf>
    <xf numFmtId="0" fontId="6" fillId="0" borderId="9" xfId="2" applyNumberFormat="1" applyFont="1" applyFill="1" applyBorder="1" applyAlignment="1">
      <alignment horizontal="distributed" vertical="center"/>
    </xf>
    <xf numFmtId="38" fontId="6" fillId="0" borderId="7" xfId="2" applyFont="1" applyFill="1" applyBorder="1" applyAlignment="1">
      <alignment horizontal="center" vertical="center"/>
    </xf>
    <xf numFmtId="38" fontId="6" fillId="0" borderId="8" xfId="2" applyFont="1" applyFill="1" applyBorder="1" applyAlignment="1">
      <alignment horizontal="center" vertical="center"/>
    </xf>
    <xf numFmtId="38" fontId="6" fillId="0" borderId="0" xfId="2" applyFont="1" applyFill="1" applyBorder="1" applyAlignment="1">
      <alignment vertical="center"/>
    </xf>
    <xf numFmtId="38" fontId="6" fillId="0" borderId="0" xfId="2" applyFont="1" applyFill="1"/>
    <xf numFmtId="38" fontId="6" fillId="0" borderId="0" xfId="2" applyFont="1" applyFill="1" applyBorder="1" applyAlignment="1">
      <alignment horizontal="right" vertical="center"/>
    </xf>
    <xf numFmtId="38" fontId="6" fillId="0" borderId="1" xfId="2" applyFont="1" applyFill="1" applyBorder="1" applyAlignment="1">
      <alignment horizontal="right" wrapText="1"/>
    </xf>
    <xf numFmtId="38" fontId="7" fillId="0" borderId="0" xfId="2" applyFont="1" applyFill="1" applyBorder="1" applyAlignment="1">
      <alignment horizontal="center" vertical="center" wrapText="1"/>
    </xf>
    <xf numFmtId="38" fontId="5" fillId="0" borderId="0" xfId="2" applyFont="1" applyFill="1" applyBorder="1" applyAlignment="1">
      <alignment horizontal="center" vertical="center" wrapText="1"/>
    </xf>
    <xf numFmtId="177" fontId="4" fillId="0" borderId="5" xfId="1" applyNumberFormat="1" applyFont="1" applyFill="1" applyBorder="1" applyAlignment="1">
      <alignment horizontal="right" vertical="center"/>
    </xf>
    <xf numFmtId="40" fontId="4" fillId="0" borderId="17" xfId="2" applyNumberFormat="1" applyFont="1" applyFill="1" applyBorder="1" applyAlignment="1">
      <alignment horizontal="right" vertical="center"/>
    </xf>
    <xf numFmtId="40" fontId="4" fillId="0" borderId="5" xfId="2" applyNumberFormat="1" applyFont="1" applyFill="1" applyBorder="1" applyAlignment="1">
      <alignment horizontal="right" vertical="center"/>
    </xf>
    <xf numFmtId="177" fontId="4" fillId="0" borderId="0" xfId="1" applyNumberFormat="1" applyFont="1" applyFill="1" applyBorder="1" applyAlignment="1">
      <alignment horizontal="right" vertical="center"/>
    </xf>
    <xf numFmtId="177" fontId="4" fillId="0" borderId="1" xfId="1" applyNumberFormat="1" applyFont="1" applyFill="1" applyBorder="1" applyAlignment="1">
      <alignment horizontal="right" vertical="center"/>
    </xf>
    <xf numFmtId="40" fontId="4" fillId="0" borderId="1" xfId="2" applyNumberFormat="1" applyFont="1" applyFill="1" applyBorder="1" applyAlignment="1">
      <alignment horizontal="right" vertical="center"/>
    </xf>
    <xf numFmtId="177" fontId="4" fillId="0" borderId="14" xfId="1" applyNumberFormat="1" applyFont="1" applyFill="1" applyBorder="1" applyAlignment="1">
      <alignment horizontal="right" vertical="center"/>
    </xf>
    <xf numFmtId="177" fontId="4" fillId="0" borderId="11" xfId="1" applyNumberFormat="1" applyFont="1" applyFill="1" applyBorder="1" applyAlignment="1">
      <alignment horizontal="right" vertical="center"/>
    </xf>
    <xf numFmtId="177" fontId="4" fillId="0" borderId="10" xfId="1" applyNumberFormat="1" applyFont="1" applyFill="1" applyBorder="1" applyAlignment="1">
      <alignment horizontal="right" vertical="center"/>
    </xf>
    <xf numFmtId="40" fontId="4" fillId="0" borderId="10" xfId="2" applyNumberFormat="1" applyFont="1" applyFill="1" applyBorder="1" applyAlignment="1">
      <alignment horizontal="right" vertical="center"/>
    </xf>
    <xf numFmtId="177" fontId="4" fillId="0" borderId="13" xfId="1" applyNumberFormat="1" applyFont="1" applyFill="1" applyBorder="1" applyAlignment="1">
      <alignment horizontal="right" vertical="center"/>
    </xf>
    <xf numFmtId="177" fontId="4" fillId="0" borderId="12" xfId="1" applyNumberFormat="1" applyFont="1" applyFill="1" applyBorder="1" applyAlignment="1">
      <alignment horizontal="right" vertical="center"/>
    </xf>
    <xf numFmtId="40" fontId="4" fillId="0" borderId="12" xfId="2" applyNumberFormat="1" applyFont="1" applyFill="1" applyBorder="1" applyAlignment="1">
      <alignment horizontal="right" vertical="center"/>
    </xf>
    <xf numFmtId="177" fontId="4" fillId="0" borderId="15" xfId="1" applyNumberFormat="1" applyFont="1" applyFill="1" applyBorder="1" applyAlignment="1">
      <alignment horizontal="right" vertical="center"/>
    </xf>
    <xf numFmtId="177" fontId="4" fillId="0" borderId="3" xfId="1" applyNumberFormat="1" applyFont="1" applyFill="1" applyBorder="1" applyAlignment="1">
      <alignment horizontal="right" vertical="center"/>
    </xf>
    <xf numFmtId="40" fontId="4" fillId="0" borderId="3" xfId="2" applyNumberFormat="1" applyFont="1" applyFill="1" applyBorder="1" applyAlignment="1">
      <alignment horizontal="right" vertical="center"/>
    </xf>
    <xf numFmtId="177" fontId="4" fillId="0" borderId="8" xfId="1" applyNumberFormat="1" applyFont="1" applyFill="1" applyBorder="1" applyAlignment="1">
      <alignment horizontal="right" vertical="center"/>
    </xf>
    <xf numFmtId="177" fontId="4" fillId="0" borderId="9" xfId="1" applyNumberFormat="1" applyFont="1" applyFill="1" applyBorder="1" applyAlignment="1">
      <alignment horizontal="right" vertical="center"/>
    </xf>
    <xf numFmtId="40" fontId="4" fillId="0" borderId="9" xfId="2" applyNumberFormat="1" applyFont="1" applyFill="1" applyBorder="1" applyAlignment="1">
      <alignment horizontal="right" vertical="center"/>
    </xf>
    <xf numFmtId="38" fontId="5" fillId="0" borderId="5" xfId="2" applyFont="1" applyFill="1" applyBorder="1" applyAlignment="1">
      <alignment horizontal="center" vertical="center" wrapText="1"/>
    </xf>
    <xf numFmtId="0" fontId="6" fillId="0" borderId="1" xfId="0" applyFont="1" applyFill="1" applyBorder="1" applyAlignment="1">
      <alignment horizontal="center" vertical="center" wrapText="1"/>
    </xf>
    <xf numFmtId="38" fontId="5" fillId="0" borderId="6" xfId="2" applyFont="1" applyFill="1" applyBorder="1" applyAlignment="1">
      <alignment horizontal="center" vertical="center" wrapText="1"/>
    </xf>
    <xf numFmtId="176" fontId="4" fillId="0" borderId="5" xfId="2" applyNumberFormat="1" applyFont="1" applyFill="1" applyBorder="1" applyAlignment="1">
      <alignment horizontal="right" vertical="center"/>
    </xf>
    <xf numFmtId="176" fontId="4" fillId="0" borderId="0" xfId="2" applyNumberFormat="1" applyFont="1" applyFill="1" applyBorder="1" applyAlignment="1">
      <alignment horizontal="right" vertical="center"/>
    </xf>
    <xf numFmtId="176" fontId="4" fillId="0" borderId="1" xfId="2" applyNumberFormat="1" applyFont="1" applyFill="1" applyBorder="1" applyAlignment="1">
      <alignment horizontal="right" vertical="center"/>
    </xf>
    <xf numFmtId="176" fontId="4" fillId="0" borderId="6" xfId="2" applyNumberFormat="1" applyFont="1" applyFill="1" applyBorder="1" applyAlignment="1">
      <alignment horizontal="right" vertical="center"/>
    </xf>
    <xf numFmtId="176" fontId="4" fillId="0" borderId="14" xfId="2" applyNumberFormat="1" applyFont="1" applyFill="1" applyBorder="1" applyAlignment="1">
      <alignment horizontal="right" vertical="center"/>
    </xf>
    <xf numFmtId="176" fontId="4" fillId="0" borderId="10" xfId="2" applyNumberFormat="1" applyFont="1" applyFill="1" applyBorder="1" applyAlignment="1">
      <alignment horizontal="right" vertical="center"/>
    </xf>
    <xf numFmtId="176" fontId="4" fillId="0" borderId="11" xfId="2" applyNumberFormat="1" applyFont="1" applyFill="1" applyBorder="1" applyAlignment="1">
      <alignment horizontal="right" vertical="center"/>
    </xf>
    <xf numFmtId="176" fontId="4" fillId="0" borderId="12" xfId="2" applyNumberFormat="1" applyFont="1" applyFill="1" applyBorder="1" applyAlignment="1">
      <alignment horizontal="right" vertical="center"/>
    </xf>
    <xf numFmtId="176" fontId="4" fillId="0" borderId="13" xfId="2" applyNumberFormat="1" applyFont="1" applyFill="1" applyBorder="1" applyAlignment="1">
      <alignment horizontal="right" vertical="center"/>
    </xf>
    <xf numFmtId="176" fontId="4" fillId="0" borderId="3" xfId="2" applyNumberFormat="1" applyFont="1" applyFill="1" applyBorder="1" applyAlignment="1">
      <alignment horizontal="right" vertical="center"/>
    </xf>
    <xf numFmtId="176" fontId="4" fillId="0" borderId="15" xfId="2" applyNumberFormat="1" applyFont="1" applyFill="1" applyBorder="1" applyAlignment="1">
      <alignment horizontal="right" vertical="center"/>
    </xf>
    <xf numFmtId="176" fontId="4" fillId="0" borderId="9" xfId="2" applyNumberFormat="1" applyFont="1" applyFill="1" applyBorder="1" applyAlignment="1">
      <alignment vertical="center"/>
    </xf>
    <xf numFmtId="176" fontId="4" fillId="0" borderId="7" xfId="2" applyNumberFormat="1" applyFont="1" applyFill="1" applyBorder="1" applyAlignment="1">
      <alignment vertical="center"/>
    </xf>
    <xf numFmtId="176" fontId="4" fillId="0" borderId="5" xfId="2" applyNumberFormat="1" applyFont="1" applyFill="1" applyBorder="1" applyAlignment="1">
      <alignment horizontal="right" vertical="center" wrapText="1"/>
    </xf>
    <xf numFmtId="176" fontId="4" fillId="0" borderId="1" xfId="2" applyNumberFormat="1" applyFont="1" applyFill="1" applyBorder="1" applyAlignment="1">
      <alignment horizontal="right" vertical="center" wrapText="1"/>
    </xf>
    <xf numFmtId="176" fontId="4" fillId="0" borderId="10" xfId="2" applyNumberFormat="1" applyFont="1" applyFill="1" applyBorder="1" applyAlignment="1">
      <alignment horizontal="right" vertical="center" wrapText="1"/>
    </xf>
    <xf numFmtId="176" fontId="4" fillId="0" borderId="12" xfId="2" applyNumberFormat="1" applyFont="1" applyFill="1" applyBorder="1" applyAlignment="1">
      <alignment horizontal="right" vertical="center" wrapText="1"/>
    </xf>
    <xf numFmtId="176" fontId="4" fillId="0" borderId="3" xfId="2" applyNumberFormat="1" applyFont="1" applyFill="1" applyBorder="1" applyAlignment="1">
      <alignment horizontal="right" vertical="center" wrapText="1"/>
    </xf>
    <xf numFmtId="38" fontId="6" fillId="0" borderId="7" xfId="2" applyFont="1" applyFill="1" applyBorder="1" applyAlignment="1">
      <alignment horizontal="center" vertical="center" wrapText="1"/>
    </xf>
    <xf numFmtId="38" fontId="6" fillId="0" borderId="8" xfId="2" applyFont="1" applyFill="1" applyBorder="1" applyAlignment="1">
      <alignment horizontal="center" vertical="center" wrapText="1"/>
    </xf>
    <xf numFmtId="38" fontId="6" fillId="0" borderId="19" xfId="2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 shrinkToFit="1"/>
    </xf>
    <xf numFmtId="0" fontId="5" fillId="0" borderId="1" xfId="0" applyFont="1" applyFill="1" applyBorder="1" applyAlignment="1">
      <alignment horizontal="center" vertical="center" shrinkToFit="1"/>
    </xf>
    <xf numFmtId="38" fontId="5" fillId="0" borderId="5" xfId="2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wrapText="1"/>
    </xf>
    <xf numFmtId="38" fontId="5" fillId="0" borderId="6" xfId="2" applyFont="1" applyFill="1" applyBorder="1" applyAlignment="1">
      <alignment horizontal="center" vertical="center" wrapText="1"/>
    </xf>
    <xf numFmtId="0" fontId="5" fillId="0" borderId="16" xfId="0" applyFont="1" applyFill="1" applyBorder="1" applyAlignment="1">
      <alignment horizontal="center" wrapText="1"/>
    </xf>
    <xf numFmtId="38" fontId="6" fillId="0" borderId="14" xfId="2" applyFont="1" applyFill="1" applyBorder="1" applyAlignment="1">
      <alignment horizontal="center" vertical="center"/>
    </xf>
    <xf numFmtId="38" fontId="6" fillId="0" borderId="6" xfId="2" applyFont="1" applyFill="1" applyBorder="1" applyAlignment="1">
      <alignment horizontal="center" vertical="center" wrapText="1" shrinkToFit="1"/>
    </xf>
    <xf numFmtId="38" fontId="6" fillId="0" borderId="17" xfId="2" applyFont="1" applyFill="1" applyBorder="1" applyAlignment="1">
      <alignment horizontal="center" vertical="center" wrapText="1" shrinkToFit="1"/>
    </xf>
    <xf numFmtId="38" fontId="6" fillId="0" borderId="16" xfId="2" applyFont="1" applyFill="1" applyBorder="1" applyAlignment="1">
      <alignment horizontal="center" vertical="center" wrapText="1" shrinkToFit="1"/>
    </xf>
    <xf numFmtId="38" fontId="6" fillId="0" borderId="18" xfId="2" applyFont="1" applyFill="1" applyBorder="1" applyAlignment="1">
      <alignment horizontal="center" vertical="center" wrapText="1" shrinkToFit="1"/>
    </xf>
    <xf numFmtId="38" fontId="6" fillId="0" borderId="2" xfId="2" applyFont="1" applyFill="1" applyBorder="1" applyAlignment="1">
      <alignment horizontal="center" vertical="center" wrapText="1" shrinkToFit="1"/>
    </xf>
    <xf numFmtId="38" fontId="6" fillId="0" borderId="4" xfId="2" applyFont="1" applyFill="1" applyBorder="1" applyAlignment="1">
      <alignment horizontal="center" vertical="center" wrapText="1" shrinkToFit="1"/>
    </xf>
    <xf numFmtId="38" fontId="6" fillId="0" borderId="5" xfId="2" applyFont="1" applyFill="1" applyBorder="1" applyAlignment="1">
      <alignment horizontal="center" vertical="center" wrapText="1"/>
    </xf>
    <xf numFmtId="0" fontId="6" fillId="0" borderId="1" xfId="0" applyFont="1" applyFill="1" applyBorder="1" applyAlignment="1">
      <alignment horizontal="center" vertical="center" wrapText="1"/>
    </xf>
    <xf numFmtId="38" fontId="6" fillId="0" borderId="2" xfId="2" applyFont="1" applyFill="1" applyBorder="1" applyAlignment="1">
      <alignment horizontal="center" vertical="center" wrapText="1"/>
    </xf>
    <xf numFmtId="38" fontId="6" fillId="0" borderId="15" xfId="2" applyFont="1" applyFill="1" applyBorder="1" applyAlignment="1">
      <alignment horizontal="center" vertical="center" wrapText="1"/>
    </xf>
    <xf numFmtId="38" fontId="6" fillId="0" borderId="4" xfId="2" applyFont="1" applyFill="1" applyBorder="1" applyAlignment="1">
      <alignment horizontal="center" vertical="center" wrapText="1"/>
    </xf>
  </cellXfs>
  <cellStyles count="4">
    <cellStyle name="パーセント" xfId="1" builtinId="5"/>
    <cellStyle name="桁区切り" xfId="2" builtinId="6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3</xdr:row>
      <xdr:rowOff>0</xdr:rowOff>
    </xdr:from>
    <xdr:to>
      <xdr:col>1</xdr:col>
      <xdr:colOff>0</xdr:colOff>
      <xdr:row>7</xdr:row>
      <xdr:rowOff>0</xdr:rowOff>
    </xdr:to>
    <xdr:sp macro="" textlink="">
      <xdr:nvSpPr>
        <xdr:cNvPr id="1034" name="Line 1"/>
        <xdr:cNvSpPr>
          <a:spLocks noChangeShapeType="1"/>
        </xdr:cNvSpPr>
      </xdr:nvSpPr>
      <xdr:spPr bwMode="auto">
        <a:xfrm>
          <a:off x="9525" y="542925"/>
          <a:ext cx="876300" cy="7429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2</xdr:row>
      <xdr:rowOff>0</xdr:rowOff>
    </xdr:from>
    <xdr:to>
      <xdr:col>1</xdr:col>
      <xdr:colOff>0</xdr:colOff>
      <xdr:row>5</xdr:row>
      <xdr:rowOff>0</xdr:rowOff>
    </xdr:to>
    <xdr:sp macro="" textlink="">
      <xdr:nvSpPr>
        <xdr:cNvPr id="2055" name="Line 1"/>
        <xdr:cNvSpPr>
          <a:spLocks noChangeShapeType="1"/>
        </xdr:cNvSpPr>
      </xdr:nvSpPr>
      <xdr:spPr bwMode="auto">
        <a:xfrm>
          <a:off x="9525" y="352425"/>
          <a:ext cx="876300" cy="7429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42"/>
  <sheetViews>
    <sheetView tabSelected="1" zoomScaleNormal="100" zoomScaleSheetLayoutView="100" workbookViewId="0">
      <pane xSplit="1" ySplit="7" topLeftCell="E8" activePane="bottomRight" state="frozen"/>
      <selection activeCell="A48" sqref="A48"/>
      <selection pane="topRight" activeCell="A48" sqref="A48"/>
      <selection pane="bottomLeft" activeCell="A48" sqref="A48"/>
      <selection pane="bottomRight"/>
    </sheetView>
  </sheetViews>
  <sheetFormatPr defaultColWidth="9" defaultRowHeight="12" customHeight="1" x14ac:dyDescent="0.15"/>
  <cols>
    <col min="1" max="1" width="11.6640625" style="2" customWidth="1"/>
    <col min="2" max="3" width="2.44140625" style="2" customWidth="1"/>
    <col min="4" max="4" width="11.21875" style="2" bestFit="1" customWidth="1"/>
    <col min="5" max="9" width="12.77734375" style="2" bestFit="1" customWidth="1"/>
    <col min="10" max="10" width="10.6640625" style="2" customWidth="1"/>
    <col min="11" max="11" width="11.109375" style="2" customWidth="1"/>
    <col min="12" max="17" width="6.6640625" style="2" customWidth="1"/>
    <col min="18" max="19" width="9.109375" style="2" customWidth="1"/>
    <col min="20" max="20" width="9.6640625" style="2" customWidth="1"/>
    <col min="21" max="16384" width="9" style="2"/>
  </cols>
  <sheetData>
    <row r="1" spans="1:23" ht="15" customHeight="1" x14ac:dyDescent="0.15">
      <c r="A1" s="1" t="s">
        <v>80</v>
      </c>
    </row>
    <row r="2" spans="1:23" ht="15" customHeight="1" x14ac:dyDescent="0.15">
      <c r="A2" s="1" t="s">
        <v>77</v>
      </c>
    </row>
    <row r="3" spans="1:23" ht="13.2" customHeight="1" x14ac:dyDescent="0.15">
      <c r="B3" s="3"/>
      <c r="C3" s="3"/>
      <c r="D3" s="4"/>
      <c r="E3" s="3"/>
      <c r="R3" s="5"/>
      <c r="S3" s="5"/>
      <c r="T3" s="5"/>
    </row>
    <row r="4" spans="1:23" s="7" customFormat="1" ht="13.2" customHeight="1" x14ac:dyDescent="0.2">
      <c r="A4" s="6" t="s">
        <v>1</v>
      </c>
      <c r="B4" s="93" t="s">
        <v>65</v>
      </c>
      <c r="C4" s="94"/>
      <c r="D4" s="99" t="s">
        <v>2</v>
      </c>
      <c r="E4" s="99" t="s">
        <v>3</v>
      </c>
      <c r="F4" s="61" t="s">
        <v>4</v>
      </c>
      <c r="G4" s="63" t="s">
        <v>5</v>
      </c>
      <c r="H4" s="61" t="s">
        <v>4</v>
      </c>
      <c r="I4" s="63" t="s">
        <v>5</v>
      </c>
      <c r="J4" s="61" t="s">
        <v>4</v>
      </c>
      <c r="K4" s="61" t="s">
        <v>5</v>
      </c>
      <c r="L4" s="92" t="s">
        <v>6</v>
      </c>
      <c r="M4" s="92"/>
      <c r="N4" s="92"/>
      <c r="O4" s="92"/>
      <c r="P4" s="92"/>
      <c r="Q4" s="92"/>
      <c r="R4" s="82" t="s">
        <v>64</v>
      </c>
      <c r="S4" s="83"/>
      <c r="T4" s="84"/>
    </row>
    <row r="5" spans="1:23" s="7" customFormat="1" ht="17.100000000000001" customHeight="1" x14ac:dyDescent="0.15">
      <c r="A5" s="8"/>
      <c r="B5" s="95"/>
      <c r="C5" s="96"/>
      <c r="D5" s="100"/>
      <c r="E5" s="100"/>
      <c r="F5" s="85" t="s">
        <v>63</v>
      </c>
      <c r="G5" s="85" t="s">
        <v>63</v>
      </c>
      <c r="H5" s="85" t="s">
        <v>72</v>
      </c>
      <c r="I5" s="85" t="s">
        <v>72</v>
      </c>
      <c r="J5" s="86" t="s">
        <v>73</v>
      </c>
      <c r="K5" s="86" t="s">
        <v>73</v>
      </c>
      <c r="L5" s="88" t="s">
        <v>66</v>
      </c>
      <c r="M5" s="88" t="s">
        <v>67</v>
      </c>
      <c r="N5" s="88" t="s">
        <v>68</v>
      </c>
      <c r="O5" s="90" t="s">
        <v>69</v>
      </c>
      <c r="P5" s="88" t="s">
        <v>70</v>
      </c>
      <c r="Q5" s="90" t="s">
        <v>71</v>
      </c>
      <c r="R5" s="85" t="s">
        <v>63</v>
      </c>
      <c r="S5" s="85" t="s">
        <v>72</v>
      </c>
      <c r="T5" s="86" t="s">
        <v>73</v>
      </c>
    </row>
    <row r="6" spans="1:23" s="7" customFormat="1" ht="17.100000000000001" customHeight="1" x14ac:dyDescent="0.15">
      <c r="A6" s="8"/>
      <c r="B6" s="95"/>
      <c r="C6" s="96"/>
      <c r="D6" s="62"/>
      <c r="E6" s="62"/>
      <c r="F6" s="85"/>
      <c r="G6" s="85"/>
      <c r="H6" s="85"/>
      <c r="I6" s="85"/>
      <c r="J6" s="87"/>
      <c r="K6" s="87"/>
      <c r="L6" s="89"/>
      <c r="M6" s="89"/>
      <c r="N6" s="89"/>
      <c r="O6" s="91"/>
      <c r="P6" s="89"/>
      <c r="Q6" s="91"/>
      <c r="R6" s="85"/>
      <c r="S6" s="85"/>
      <c r="T6" s="87"/>
    </row>
    <row r="7" spans="1:23" s="16" customFormat="1" ht="13.2" customHeight="1" x14ac:dyDescent="0.15">
      <c r="A7" s="9" t="s">
        <v>7</v>
      </c>
      <c r="B7" s="97"/>
      <c r="C7" s="98"/>
      <c r="D7" s="10" t="s">
        <v>8</v>
      </c>
      <c r="E7" s="10" t="s">
        <v>9</v>
      </c>
      <c r="F7" s="10" t="s">
        <v>10</v>
      </c>
      <c r="G7" s="11" t="s">
        <v>11</v>
      </c>
      <c r="H7" s="10" t="s">
        <v>54</v>
      </c>
      <c r="I7" s="10" t="s">
        <v>55</v>
      </c>
      <c r="J7" s="10" t="s">
        <v>60</v>
      </c>
      <c r="K7" s="10" t="s">
        <v>61</v>
      </c>
      <c r="L7" s="10" t="s">
        <v>0</v>
      </c>
      <c r="M7" s="10" t="s">
        <v>0</v>
      </c>
      <c r="N7" s="10" t="s">
        <v>0</v>
      </c>
      <c r="O7" s="10" t="s">
        <v>0</v>
      </c>
      <c r="P7" s="10" t="s">
        <v>0</v>
      </c>
      <c r="Q7" s="11" t="s">
        <v>0</v>
      </c>
      <c r="R7" s="10" t="s">
        <v>12</v>
      </c>
      <c r="S7" s="12" t="s">
        <v>56</v>
      </c>
      <c r="T7" s="10" t="s">
        <v>62</v>
      </c>
      <c r="U7" s="13"/>
      <c r="V7" s="14"/>
      <c r="W7" s="15"/>
    </row>
    <row r="8" spans="1:23" s="20" customFormat="1" ht="13.2" customHeight="1" x14ac:dyDescent="0.2">
      <c r="A8" s="17" t="s">
        <v>13</v>
      </c>
      <c r="B8" s="18"/>
      <c r="C8" s="19" t="s">
        <v>75</v>
      </c>
      <c r="D8" s="64">
        <v>1842142</v>
      </c>
      <c r="E8" s="65">
        <v>3755416</v>
      </c>
      <c r="F8" s="64">
        <v>455654</v>
      </c>
      <c r="G8" s="65">
        <v>654822</v>
      </c>
      <c r="H8" s="64">
        <v>455654</v>
      </c>
      <c r="I8" s="65">
        <v>654822</v>
      </c>
      <c r="J8" s="66">
        <v>191337</v>
      </c>
      <c r="K8" s="67">
        <v>218719</v>
      </c>
      <c r="L8" s="42">
        <v>24.7</v>
      </c>
      <c r="M8" s="42">
        <v>17.399999999999999</v>
      </c>
      <c r="N8" s="42">
        <v>100</v>
      </c>
      <c r="O8" s="42">
        <v>100</v>
      </c>
      <c r="P8" s="42">
        <v>42</v>
      </c>
      <c r="Q8" s="42">
        <v>33.4</v>
      </c>
      <c r="R8" s="43">
        <v>1.44</v>
      </c>
      <c r="S8" s="44">
        <v>1.44</v>
      </c>
      <c r="T8" s="44">
        <v>1.1399999999999999</v>
      </c>
    </row>
    <row r="9" spans="1:23" s="20" customFormat="1" ht="13.2" customHeight="1" x14ac:dyDescent="0.2">
      <c r="A9" s="21" t="s">
        <v>14</v>
      </c>
      <c r="B9" s="22"/>
      <c r="C9" s="23" t="s">
        <v>75</v>
      </c>
      <c r="D9" s="66">
        <v>774649</v>
      </c>
      <c r="E9" s="65">
        <v>1521692</v>
      </c>
      <c r="F9" s="66">
        <v>175989</v>
      </c>
      <c r="G9" s="65">
        <v>249097</v>
      </c>
      <c r="H9" s="66">
        <v>175989</v>
      </c>
      <c r="I9" s="65">
        <v>249097</v>
      </c>
      <c r="J9" s="66">
        <v>75325</v>
      </c>
      <c r="K9" s="66">
        <v>86306</v>
      </c>
      <c r="L9" s="45">
        <v>22.7</v>
      </c>
      <c r="M9" s="46">
        <v>16.399999999999999</v>
      </c>
      <c r="N9" s="46">
        <v>100</v>
      </c>
      <c r="O9" s="46">
        <v>100</v>
      </c>
      <c r="P9" s="46">
        <v>42.8</v>
      </c>
      <c r="Q9" s="45">
        <v>34.6</v>
      </c>
      <c r="R9" s="47">
        <v>1.42</v>
      </c>
      <c r="S9" s="47">
        <v>1.42</v>
      </c>
      <c r="T9" s="47">
        <v>1.1499999999999999</v>
      </c>
    </row>
    <row r="10" spans="1:23" s="20" customFormat="1" ht="13.2" customHeight="1" x14ac:dyDescent="0.2">
      <c r="A10" s="21" t="s">
        <v>22</v>
      </c>
      <c r="B10" s="22" t="s">
        <v>76</v>
      </c>
      <c r="C10" s="23"/>
      <c r="D10" s="66">
        <v>339028</v>
      </c>
      <c r="E10" s="65">
        <v>725369</v>
      </c>
      <c r="F10" s="66">
        <v>99457</v>
      </c>
      <c r="G10" s="65">
        <v>146735</v>
      </c>
      <c r="H10" s="66">
        <v>99457</v>
      </c>
      <c r="I10" s="65">
        <v>146735</v>
      </c>
      <c r="J10" s="66">
        <v>41324</v>
      </c>
      <c r="K10" s="66">
        <v>47533</v>
      </c>
      <c r="L10" s="45">
        <v>29.3</v>
      </c>
      <c r="M10" s="46">
        <v>20.2</v>
      </c>
      <c r="N10" s="46">
        <v>100</v>
      </c>
      <c r="O10" s="46">
        <v>100</v>
      </c>
      <c r="P10" s="46">
        <v>41.5</v>
      </c>
      <c r="Q10" s="45">
        <v>32.4</v>
      </c>
      <c r="R10" s="47">
        <v>1.48</v>
      </c>
      <c r="S10" s="47">
        <v>1.48</v>
      </c>
      <c r="T10" s="47">
        <v>1.1499999999999999</v>
      </c>
    </row>
    <row r="11" spans="1:23" s="20" customFormat="1" ht="13.2" customHeight="1" x14ac:dyDescent="0.2">
      <c r="A11" s="17" t="s">
        <v>15</v>
      </c>
      <c r="B11" s="18"/>
      <c r="C11" s="19" t="s">
        <v>75</v>
      </c>
      <c r="D11" s="64">
        <v>190974</v>
      </c>
      <c r="E11" s="68">
        <v>389993</v>
      </c>
      <c r="F11" s="64">
        <v>57349</v>
      </c>
      <c r="G11" s="68">
        <v>84865</v>
      </c>
      <c r="H11" s="64">
        <v>57349</v>
      </c>
      <c r="I11" s="68">
        <v>84865</v>
      </c>
      <c r="J11" s="64">
        <v>23011</v>
      </c>
      <c r="K11" s="64">
        <v>26030</v>
      </c>
      <c r="L11" s="48">
        <v>30</v>
      </c>
      <c r="M11" s="42">
        <v>21.8</v>
      </c>
      <c r="N11" s="42">
        <v>100</v>
      </c>
      <c r="O11" s="42">
        <v>100</v>
      </c>
      <c r="P11" s="42">
        <v>40.1</v>
      </c>
      <c r="Q11" s="48">
        <v>30.7</v>
      </c>
      <c r="R11" s="44">
        <v>1.48</v>
      </c>
      <c r="S11" s="44">
        <v>1.48</v>
      </c>
      <c r="T11" s="44">
        <v>1.1299999999999999</v>
      </c>
    </row>
    <row r="12" spans="1:23" s="20" customFormat="1" ht="13.2" customHeight="1" x14ac:dyDescent="0.2">
      <c r="A12" s="21" t="s">
        <v>16</v>
      </c>
      <c r="B12" s="22" t="s">
        <v>76</v>
      </c>
      <c r="C12" s="23"/>
      <c r="D12" s="66">
        <v>120177</v>
      </c>
      <c r="E12" s="65">
        <v>255630</v>
      </c>
      <c r="F12" s="66">
        <v>35583</v>
      </c>
      <c r="G12" s="65">
        <v>53625</v>
      </c>
      <c r="H12" s="66">
        <v>35583</v>
      </c>
      <c r="I12" s="65">
        <v>53625</v>
      </c>
      <c r="J12" s="66">
        <v>14639</v>
      </c>
      <c r="K12" s="66">
        <v>16970</v>
      </c>
      <c r="L12" s="45">
        <v>29.6</v>
      </c>
      <c r="M12" s="46">
        <v>21</v>
      </c>
      <c r="N12" s="46">
        <v>100</v>
      </c>
      <c r="O12" s="46">
        <v>100</v>
      </c>
      <c r="P12" s="46">
        <v>41.1</v>
      </c>
      <c r="Q12" s="45">
        <v>31.6</v>
      </c>
      <c r="R12" s="47">
        <v>1.51</v>
      </c>
      <c r="S12" s="47">
        <v>1.51</v>
      </c>
      <c r="T12" s="47">
        <v>1.1599999999999999</v>
      </c>
    </row>
    <row r="13" spans="1:23" s="20" customFormat="1" ht="13.2" customHeight="1" x14ac:dyDescent="0.2">
      <c r="A13" s="21" t="s">
        <v>17</v>
      </c>
      <c r="B13" s="22"/>
      <c r="C13" s="23" t="s">
        <v>75</v>
      </c>
      <c r="D13" s="66">
        <v>76673</v>
      </c>
      <c r="E13" s="65">
        <v>172669</v>
      </c>
      <c r="F13" s="66">
        <v>23753</v>
      </c>
      <c r="G13" s="65">
        <v>35071</v>
      </c>
      <c r="H13" s="66">
        <v>23753</v>
      </c>
      <c r="I13" s="65">
        <v>35071</v>
      </c>
      <c r="J13" s="66">
        <v>11185</v>
      </c>
      <c r="K13" s="66">
        <v>13076</v>
      </c>
      <c r="L13" s="45">
        <v>31</v>
      </c>
      <c r="M13" s="46">
        <v>20.3</v>
      </c>
      <c r="N13" s="46">
        <v>100</v>
      </c>
      <c r="O13" s="46">
        <v>100</v>
      </c>
      <c r="P13" s="46">
        <v>47.1</v>
      </c>
      <c r="Q13" s="45">
        <v>37.299999999999997</v>
      </c>
      <c r="R13" s="47">
        <v>1.48</v>
      </c>
      <c r="S13" s="47">
        <v>1.48</v>
      </c>
      <c r="T13" s="47">
        <v>1.17</v>
      </c>
    </row>
    <row r="14" spans="1:23" s="20" customFormat="1" ht="13.2" customHeight="1" x14ac:dyDescent="0.2">
      <c r="A14" s="21" t="s">
        <v>18</v>
      </c>
      <c r="B14" s="22"/>
      <c r="C14" s="23" t="s">
        <v>75</v>
      </c>
      <c r="D14" s="66">
        <v>208112</v>
      </c>
      <c r="E14" s="65">
        <v>442892</v>
      </c>
      <c r="F14" s="66">
        <v>54695</v>
      </c>
      <c r="G14" s="65">
        <v>81918</v>
      </c>
      <c r="H14" s="66">
        <v>54695</v>
      </c>
      <c r="I14" s="65">
        <v>81918</v>
      </c>
      <c r="J14" s="66">
        <v>24003</v>
      </c>
      <c r="K14" s="66">
        <v>27946</v>
      </c>
      <c r="L14" s="45">
        <v>26.3</v>
      </c>
      <c r="M14" s="46">
        <v>18.5</v>
      </c>
      <c r="N14" s="46">
        <v>100</v>
      </c>
      <c r="O14" s="46">
        <v>100</v>
      </c>
      <c r="P14" s="46">
        <v>43.9</v>
      </c>
      <c r="Q14" s="45">
        <v>34.1</v>
      </c>
      <c r="R14" s="47">
        <v>1.5</v>
      </c>
      <c r="S14" s="47">
        <v>1.5</v>
      </c>
      <c r="T14" s="47">
        <v>1.1599999999999999</v>
      </c>
    </row>
    <row r="15" spans="1:23" s="20" customFormat="1" ht="13.2" customHeight="1" x14ac:dyDescent="0.2">
      <c r="A15" s="21" t="s">
        <v>19</v>
      </c>
      <c r="B15" s="22"/>
      <c r="C15" s="23" t="s">
        <v>75</v>
      </c>
      <c r="D15" s="66">
        <v>89709</v>
      </c>
      <c r="E15" s="65">
        <v>188224</v>
      </c>
      <c r="F15" s="66">
        <v>26178</v>
      </c>
      <c r="G15" s="65">
        <v>39125</v>
      </c>
      <c r="H15" s="66">
        <v>26178</v>
      </c>
      <c r="I15" s="65">
        <v>39125</v>
      </c>
      <c r="J15" s="66">
        <v>10876</v>
      </c>
      <c r="K15" s="66">
        <v>12536</v>
      </c>
      <c r="L15" s="45">
        <v>29.2</v>
      </c>
      <c r="M15" s="46">
        <v>20.8</v>
      </c>
      <c r="N15" s="46">
        <v>100</v>
      </c>
      <c r="O15" s="46">
        <v>100</v>
      </c>
      <c r="P15" s="46">
        <v>41.5</v>
      </c>
      <c r="Q15" s="45">
        <v>32</v>
      </c>
      <c r="R15" s="47">
        <v>1.49</v>
      </c>
      <c r="S15" s="47">
        <v>1.49</v>
      </c>
      <c r="T15" s="47">
        <v>1.1499999999999999</v>
      </c>
    </row>
    <row r="16" spans="1:23" s="20" customFormat="1" ht="13.2" customHeight="1" x14ac:dyDescent="0.2">
      <c r="A16" s="24" t="s">
        <v>20</v>
      </c>
      <c r="B16" s="25"/>
      <c r="C16" s="26" t="s">
        <v>75</v>
      </c>
      <c r="D16" s="69">
        <v>111573</v>
      </c>
      <c r="E16" s="70">
        <v>245691</v>
      </c>
      <c r="F16" s="69">
        <v>31509</v>
      </c>
      <c r="G16" s="70">
        <v>47962</v>
      </c>
      <c r="H16" s="69">
        <v>31509</v>
      </c>
      <c r="I16" s="70">
        <v>47962</v>
      </c>
      <c r="J16" s="69">
        <v>13617</v>
      </c>
      <c r="K16" s="69">
        <v>15933</v>
      </c>
      <c r="L16" s="49">
        <v>28.2</v>
      </c>
      <c r="M16" s="50">
        <v>19.5</v>
      </c>
      <c r="N16" s="50">
        <v>100</v>
      </c>
      <c r="O16" s="50">
        <v>100</v>
      </c>
      <c r="P16" s="50">
        <v>43.2</v>
      </c>
      <c r="Q16" s="49">
        <v>33.200000000000003</v>
      </c>
      <c r="R16" s="51">
        <v>1.52</v>
      </c>
      <c r="S16" s="51">
        <v>1.52</v>
      </c>
      <c r="T16" s="51">
        <v>1.17</v>
      </c>
    </row>
    <row r="17" spans="1:20" s="20" customFormat="1" ht="13.2" customHeight="1" x14ac:dyDescent="0.2">
      <c r="A17" s="27" t="s">
        <v>21</v>
      </c>
      <c r="B17" s="28"/>
      <c r="C17" s="29" t="s">
        <v>75</v>
      </c>
      <c r="D17" s="71">
        <v>27982</v>
      </c>
      <c r="E17" s="72">
        <v>59345</v>
      </c>
      <c r="F17" s="71">
        <v>8276</v>
      </c>
      <c r="G17" s="72">
        <v>12285</v>
      </c>
      <c r="H17" s="71">
        <v>8276</v>
      </c>
      <c r="I17" s="72">
        <v>12285</v>
      </c>
      <c r="J17" s="71">
        <v>3818</v>
      </c>
      <c r="K17" s="71">
        <v>4424</v>
      </c>
      <c r="L17" s="52">
        <v>29.6</v>
      </c>
      <c r="M17" s="53">
        <v>20.7</v>
      </c>
      <c r="N17" s="53">
        <v>100</v>
      </c>
      <c r="O17" s="53">
        <v>100</v>
      </c>
      <c r="P17" s="53">
        <v>46.1</v>
      </c>
      <c r="Q17" s="52">
        <v>36</v>
      </c>
      <c r="R17" s="54">
        <v>1.48</v>
      </c>
      <c r="S17" s="54">
        <v>1.48</v>
      </c>
      <c r="T17" s="54">
        <v>1.1599999999999999</v>
      </c>
    </row>
    <row r="18" spans="1:20" s="20" customFormat="1" ht="13.2" customHeight="1" x14ac:dyDescent="0.2">
      <c r="A18" s="21" t="s">
        <v>23</v>
      </c>
      <c r="B18" s="22" t="s">
        <v>76</v>
      </c>
      <c r="C18" s="23"/>
      <c r="D18" s="66">
        <v>19965</v>
      </c>
      <c r="E18" s="65">
        <v>41571</v>
      </c>
      <c r="F18" s="66">
        <v>7355</v>
      </c>
      <c r="G18" s="65">
        <v>11972</v>
      </c>
      <c r="H18" s="66">
        <v>7355</v>
      </c>
      <c r="I18" s="65">
        <v>11972</v>
      </c>
      <c r="J18" s="66">
        <v>3197</v>
      </c>
      <c r="K18" s="66">
        <v>3923</v>
      </c>
      <c r="L18" s="45">
        <v>36.799999999999997</v>
      </c>
      <c r="M18" s="46">
        <v>28.8</v>
      </c>
      <c r="N18" s="46">
        <v>100</v>
      </c>
      <c r="O18" s="46">
        <v>100</v>
      </c>
      <c r="P18" s="46">
        <v>43.5</v>
      </c>
      <c r="Q18" s="45">
        <v>32.799999999999997</v>
      </c>
      <c r="R18" s="47">
        <v>1.63</v>
      </c>
      <c r="S18" s="47">
        <v>1.63</v>
      </c>
      <c r="T18" s="47">
        <v>1.23</v>
      </c>
    </row>
    <row r="19" spans="1:20" s="20" customFormat="1" ht="13.2" customHeight="1" x14ac:dyDescent="0.2">
      <c r="A19" s="21" t="s">
        <v>24</v>
      </c>
      <c r="B19" s="22" t="s">
        <v>76</v>
      </c>
      <c r="C19" s="23"/>
      <c r="D19" s="66">
        <v>71431</v>
      </c>
      <c r="E19" s="65">
        <v>161639</v>
      </c>
      <c r="F19" s="66">
        <v>23990</v>
      </c>
      <c r="G19" s="65">
        <v>36386</v>
      </c>
      <c r="H19" s="66">
        <v>23990</v>
      </c>
      <c r="I19" s="65">
        <v>36386</v>
      </c>
      <c r="J19" s="66">
        <v>9081</v>
      </c>
      <c r="K19" s="66">
        <v>10466</v>
      </c>
      <c r="L19" s="45">
        <v>33.6</v>
      </c>
      <c r="M19" s="46">
        <v>22.5</v>
      </c>
      <c r="N19" s="46">
        <v>100</v>
      </c>
      <c r="O19" s="46">
        <v>100</v>
      </c>
      <c r="P19" s="46">
        <v>37.9</v>
      </c>
      <c r="Q19" s="45">
        <v>28.8</v>
      </c>
      <c r="R19" s="47">
        <v>1.52</v>
      </c>
      <c r="S19" s="47">
        <v>1.52</v>
      </c>
      <c r="T19" s="47">
        <v>1.1499999999999999</v>
      </c>
    </row>
    <row r="20" spans="1:20" s="20" customFormat="1" ht="13.2" customHeight="1" x14ac:dyDescent="0.2">
      <c r="A20" s="21" t="s">
        <v>25</v>
      </c>
      <c r="B20" s="22"/>
      <c r="C20" s="23" t="s">
        <v>75</v>
      </c>
      <c r="D20" s="66">
        <v>107585</v>
      </c>
      <c r="E20" s="65">
        <v>223386</v>
      </c>
      <c r="F20" s="66">
        <v>30947</v>
      </c>
      <c r="G20" s="65">
        <v>46755</v>
      </c>
      <c r="H20" s="66">
        <v>30947</v>
      </c>
      <c r="I20" s="65">
        <v>46755</v>
      </c>
      <c r="J20" s="66">
        <v>12582</v>
      </c>
      <c r="K20" s="66">
        <v>14507</v>
      </c>
      <c r="L20" s="45">
        <v>28.8</v>
      </c>
      <c r="M20" s="46">
        <v>20.9</v>
      </c>
      <c r="N20" s="46">
        <v>100</v>
      </c>
      <c r="O20" s="46">
        <v>100</v>
      </c>
      <c r="P20" s="46">
        <v>40.700000000000003</v>
      </c>
      <c r="Q20" s="45">
        <v>31</v>
      </c>
      <c r="R20" s="47">
        <v>1.51</v>
      </c>
      <c r="S20" s="47">
        <v>1.51</v>
      </c>
      <c r="T20" s="47">
        <v>1.1499999999999999</v>
      </c>
    </row>
    <row r="21" spans="1:20" s="20" customFormat="1" ht="13.2" customHeight="1" x14ac:dyDescent="0.2">
      <c r="A21" s="21" t="s">
        <v>26</v>
      </c>
      <c r="B21" s="22" t="s">
        <v>76</v>
      </c>
      <c r="C21" s="23"/>
      <c r="D21" s="66">
        <v>118644</v>
      </c>
      <c r="E21" s="65">
        <v>242919</v>
      </c>
      <c r="F21" s="66">
        <v>32353</v>
      </c>
      <c r="G21" s="65">
        <v>47688</v>
      </c>
      <c r="H21" s="66">
        <v>32353</v>
      </c>
      <c r="I21" s="65">
        <v>47688</v>
      </c>
      <c r="J21" s="66">
        <v>14043</v>
      </c>
      <c r="K21" s="66">
        <v>16141</v>
      </c>
      <c r="L21" s="45">
        <v>27.3</v>
      </c>
      <c r="M21" s="46">
        <v>19.600000000000001</v>
      </c>
      <c r="N21" s="46">
        <v>100</v>
      </c>
      <c r="O21" s="46">
        <v>100</v>
      </c>
      <c r="P21" s="46">
        <v>43.4</v>
      </c>
      <c r="Q21" s="45">
        <v>33.799999999999997</v>
      </c>
      <c r="R21" s="47">
        <v>1.47</v>
      </c>
      <c r="S21" s="47">
        <v>1.47</v>
      </c>
      <c r="T21" s="47">
        <v>1.1499999999999999</v>
      </c>
    </row>
    <row r="22" spans="1:20" s="20" customFormat="1" ht="13.2" customHeight="1" x14ac:dyDescent="0.2">
      <c r="A22" s="27" t="s">
        <v>27</v>
      </c>
      <c r="B22" s="28" t="s">
        <v>76</v>
      </c>
      <c r="C22" s="29"/>
      <c r="D22" s="71">
        <v>46920</v>
      </c>
      <c r="E22" s="72">
        <v>99801</v>
      </c>
      <c r="F22" s="71">
        <v>12815</v>
      </c>
      <c r="G22" s="72">
        <v>19403</v>
      </c>
      <c r="H22" s="71">
        <v>12815</v>
      </c>
      <c r="I22" s="72">
        <v>19403</v>
      </c>
      <c r="J22" s="71">
        <v>4885</v>
      </c>
      <c r="K22" s="71">
        <v>5670</v>
      </c>
      <c r="L22" s="52">
        <v>27.3</v>
      </c>
      <c r="M22" s="53">
        <v>19.399999999999999</v>
      </c>
      <c r="N22" s="53">
        <v>100</v>
      </c>
      <c r="O22" s="53">
        <v>100</v>
      </c>
      <c r="P22" s="53">
        <v>38.1</v>
      </c>
      <c r="Q22" s="52">
        <v>29.2</v>
      </c>
      <c r="R22" s="54">
        <v>1.51</v>
      </c>
      <c r="S22" s="54">
        <v>1.51</v>
      </c>
      <c r="T22" s="54">
        <v>1.1599999999999999</v>
      </c>
    </row>
    <row r="23" spans="1:20" s="20" customFormat="1" ht="13.2" customHeight="1" x14ac:dyDescent="0.2">
      <c r="A23" s="21" t="s">
        <v>28</v>
      </c>
      <c r="B23" s="22" t="s">
        <v>76</v>
      </c>
      <c r="C23" s="23"/>
      <c r="D23" s="66">
        <v>62884</v>
      </c>
      <c r="E23" s="65">
        <v>137429</v>
      </c>
      <c r="F23" s="66">
        <v>17394</v>
      </c>
      <c r="G23" s="65">
        <v>26307</v>
      </c>
      <c r="H23" s="66">
        <v>17394</v>
      </c>
      <c r="I23" s="65">
        <v>26307</v>
      </c>
      <c r="J23" s="66">
        <v>7034</v>
      </c>
      <c r="K23" s="66">
        <v>8222</v>
      </c>
      <c r="L23" s="45">
        <v>27.7</v>
      </c>
      <c r="M23" s="46">
        <v>19.100000000000001</v>
      </c>
      <c r="N23" s="46">
        <v>100</v>
      </c>
      <c r="O23" s="46">
        <v>100</v>
      </c>
      <c r="P23" s="46">
        <v>40.4</v>
      </c>
      <c r="Q23" s="45">
        <v>31.3</v>
      </c>
      <c r="R23" s="47">
        <v>1.51</v>
      </c>
      <c r="S23" s="47">
        <v>1.51</v>
      </c>
      <c r="T23" s="47">
        <v>1.17</v>
      </c>
    </row>
    <row r="24" spans="1:20" s="20" customFormat="1" ht="13.2" customHeight="1" x14ac:dyDescent="0.2">
      <c r="A24" s="21" t="s">
        <v>29</v>
      </c>
      <c r="B24" s="22" t="s">
        <v>76</v>
      </c>
      <c r="C24" s="23"/>
      <c r="D24" s="66">
        <v>63324</v>
      </c>
      <c r="E24" s="65">
        <v>128135</v>
      </c>
      <c r="F24" s="66">
        <v>18332</v>
      </c>
      <c r="G24" s="65">
        <v>27146</v>
      </c>
      <c r="H24" s="66">
        <v>18332</v>
      </c>
      <c r="I24" s="65">
        <v>27146</v>
      </c>
      <c r="J24" s="66">
        <v>7829</v>
      </c>
      <c r="K24" s="66">
        <v>8989</v>
      </c>
      <c r="L24" s="45">
        <v>28.9</v>
      </c>
      <c r="M24" s="46">
        <v>21.2</v>
      </c>
      <c r="N24" s="46">
        <v>100</v>
      </c>
      <c r="O24" s="46">
        <v>100</v>
      </c>
      <c r="P24" s="46">
        <v>42.7</v>
      </c>
      <c r="Q24" s="45">
        <v>33.1</v>
      </c>
      <c r="R24" s="47">
        <v>1.48</v>
      </c>
      <c r="S24" s="47">
        <v>1.48</v>
      </c>
      <c r="T24" s="47">
        <v>1.1499999999999999</v>
      </c>
    </row>
    <row r="25" spans="1:20" s="20" customFormat="1" ht="13.2" customHeight="1" x14ac:dyDescent="0.2">
      <c r="A25" s="21" t="s">
        <v>30</v>
      </c>
      <c r="B25" s="22" t="s">
        <v>76</v>
      </c>
      <c r="C25" s="23"/>
      <c r="D25" s="66">
        <v>18113</v>
      </c>
      <c r="E25" s="65">
        <v>41137</v>
      </c>
      <c r="F25" s="66">
        <v>5504</v>
      </c>
      <c r="G25" s="65">
        <v>8305</v>
      </c>
      <c r="H25" s="66">
        <v>5504</v>
      </c>
      <c r="I25" s="65">
        <v>8305</v>
      </c>
      <c r="J25" s="66">
        <v>2234</v>
      </c>
      <c r="K25" s="66">
        <v>2571</v>
      </c>
      <c r="L25" s="45">
        <v>30.4</v>
      </c>
      <c r="M25" s="46">
        <v>20.2</v>
      </c>
      <c r="N25" s="46">
        <v>100</v>
      </c>
      <c r="O25" s="46">
        <v>100</v>
      </c>
      <c r="P25" s="46">
        <v>40.6</v>
      </c>
      <c r="Q25" s="45">
        <v>31</v>
      </c>
      <c r="R25" s="47">
        <v>1.51</v>
      </c>
      <c r="S25" s="47">
        <v>1.51</v>
      </c>
      <c r="T25" s="47">
        <v>1.1499999999999999</v>
      </c>
    </row>
    <row r="26" spans="1:20" s="20" customFormat="1" ht="13.2" customHeight="1" x14ac:dyDescent="0.2">
      <c r="A26" s="21" t="s">
        <v>31</v>
      </c>
      <c r="B26" s="22" t="s">
        <v>76</v>
      </c>
      <c r="C26" s="23"/>
      <c r="D26" s="66">
        <v>35010</v>
      </c>
      <c r="E26" s="65">
        <v>83210</v>
      </c>
      <c r="F26" s="66">
        <v>11808</v>
      </c>
      <c r="G26" s="65">
        <v>18480</v>
      </c>
      <c r="H26" s="66">
        <v>11808</v>
      </c>
      <c r="I26" s="65">
        <v>18480</v>
      </c>
      <c r="J26" s="66">
        <v>4818</v>
      </c>
      <c r="K26" s="66">
        <v>5581</v>
      </c>
      <c r="L26" s="45">
        <v>33.700000000000003</v>
      </c>
      <c r="M26" s="46">
        <v>22.2</v>
      </c>
      <c r="N26" s="46">
        <v>100</v>
      </c>
      <c r="O26" s="46">
        <v>100</v>
      </c>
      <c r="P26" s="46">
        <v>40.799999999999997</v>
      </c>
      <c r="Q26" s="45">
        <v>30.2</v>
      </c>
      <c r="R26" s="47">
        <v>1.57</v>
      </c>
      <c r="S26" s="47">
        <v>1.57</v>
      </c>
      <c r="T26" s="47">
        <v>1.1599999999999999</v>
      </c>
    </row>
    <row r="27" spans="1:20" s="20" customFormat="1" ht="13.2" customHeight="1" x14ac:dyDescent="0.2">
      <c r="A27" s="17" t="s">
        <v>32</v>
      </c>
      <c r="B27" s="18"/>
      <c r="C27" s="19" t="s">
        <v>75</v>
      </c>
      <c r="D27" s="64">
        <v>14650</v>
      </c>
      <c r="E27" s="68">
        <v>32806</v>
      </c>
      <c r="F27" s="64">
        <v>4769</v>
      </c>
      <c r="G27" s="68">
        <v>7530</v>
      </c>
      <c r="H27" s="64">
        <v>4769</v>
      </c>
      <c r="I27" s="68">
        <v>7530</v>
      </c>
      <c r="J27" s="64">
        <v>2333</v>
      </c>
      <c r="K27" s="64">
        <v>2830</v>
      </c>
      <c r="L27" s="48">
        <v>32.6</v>
      </c>
      <c r="M27" s="42">
        <v>23</v>
      </c>
      <c r="N27" s="42">
        <v>100</v>
      </c>
      <c r="O27" s="42">
        <v>100</v>
      </c>
      <c r="P27" s="42">
        <v>48.9</v>
      </c>
      <c r="Q27" s="48">
        <v>37.6</v>
      </c>
      <c r="R27" s="44">
        <v>1.58</v>
      </c>
      <c r="S27" s="44">
        <v>1.58</v>
      </c>
      <c r="T27" s="44">
        <v>1.21</v>
      </c>
    </row>
    <row r="28" spans="1:20" s="20" customFormat="1" ht="13.2" customHeight="1" x14ac:dyDescent="0.2">
      <c r="A28" s="21" t="s">
        <v>33</v>
      </c>
      <c r="B28" s="22"/>
      <c r="C28" s="23" t="s">
        <v>75</v>
      </c>
      <c r="D28" s="66">
        <v>22174</v>
      </c>
      <c r="E28" s="65">
        <v>49053</v>
      </c>
      <c r="F28" s="66">
        <v>6522</v>
      </c>
      <c r="G28" s="65">
        <v>10112</v>
      </c>
      <c r="H28" s="66">
        <v>6522</v>
      </c>
      <c r="I28" s="65">
        <v>10112</v>
      </c>
      <c r="J28" s="66">
        <v>2637</v>
      </c>
      <c r="K28" s="66">
        <v>3070</v>
      </c>
      <c r="L28" s="45">
        <v>29.4</v>
      </c>
      <c r="M28" s="46">
        <v>20.6</v>
      </c>
      <c r="N28" s="46">
        <v>100</v>
      </c>
      <c r="O28" s="46">
        <v>100</v>
      </c>
      <c r="P28" s="46">
        <v>40.4</v>
      </c>
      <c r="Q28" s="45">
        <v>30.4</v>
      </c>
      <c r="R28" s="47">
        <v>1.55</v>
      </c>
      <c r="S28" s="47">
        <v>1.55</v>
      </c>
      <c r="T28" s="47">
        <v>1.1599999999999999</v>
      </c>
    </row>
    <row r="29" spans="1:20" s="20" customFormat="1" ht="13.2" customHeight="1" x14ac:dyDescent="0.2">
      <c r="A29" s="21" t="s">
        <v>34</v>
      </c>
      <c r="B29" s="22" t="s">
        <v>76</v>
      </c>
      <c r="C29" s="23"/>
      <c r="D29" s="66">
        <v>14559</v>
      </c>
      <c r="E29" s="65">
        <v>32395</v>
      </c>
      <c r="F29" s="66">
        <v>4728</v>
      </c>
      <c r="G29" s="65">
        <v>7118</v>
      </c>
      <c r="H29" s="66">
        <v>4728</v>
      </c>
      <c r="I29" s="65">
        <v>7118</v>
      </c>
      <c r="J29" s="66">
        <v>1899</v>
      </c>
      <c r="K29" s="66">
        <v>2215</v>
      </c>
      <c r="L29" s="45">
        <v>32.5</v>
      </c>
      <c r="M29" s="46">
        <v>22</v>
      </c>
      <c r="N29" s="46">
        <v>100</v>
      </c>
      <c r="O29" s="46">
        <v>100</v>
      </c>
      <c r="P29" s="46">
        <v>40.200000000000003</v>
      </c>
      <c r="Q29" s="45">
        <v>31.1</v>
      </c>
      <c r="R29" s="47">
        <v>1.51</v>
      </c>
      <c r="S29" s="47">
        <v>1.51</v>
      </c>
      <c r="T29" s="47">
        <v>1.17</v>
      </c>
    </row>
    <row r="30" spans="1:20" s="20" customFormat="1" ht="13.2" customHeight="1" x14ac:dyDescent="0.2">
      <c r="A30" s="21" t="s">
        <v>35</v>
      </c>
      <c r="B30" s="22" t="s">
        <v>76</v>
      </c>
      <c r="C30" s="23"/>
      <c r="D30" s="66">
        <v>12754</v>
      </c>
      <c r="E30" s="65">
        <v>28042</v>
      </c>
      <c r="F30" s="66">
        <v>4045</v>
      </c>
      <c r="G30" s="65">
        <v>6039</v>
      </c>
      <c r="H30" s="66">
        <v>4045</v>
      </c>
      <c r="I30" s="65">
        <v>6039</v>
      </c>
      <c r="J30" s="66">
        <v>1649</v>
      </c>
      <c r="K30" s="66">
        <v>1913</v>
      </c>
      <c r="L30" s="45">
        <v>31.7</v>
      </c>
      <c r="M30" s="46">
        <v>21.5</v>
      </c>
      <c r="N30" s="46">
        <v>100</v>
      </c>
      <c r="O30" s="46">
        <v>100</v>
      </c>
      <c r="P30" s="46">
        <v>40.799999999999997</v>
      </c>
      <c r="Q30" s="45">
        <v>31.7</v>
      </c>
      <c r="R30" s="47">
        <v>1.49</v>
      </c>
      <c r="S30" s="47">
        <v>1.49</v>
      </c>
      <c r="T30" s="47">
        <v>1.1599999999999999</v>
      </c>
    </row>
    <row r="31" spans="1:20" s="20" customFormat="1" ht="13.2" customHeight="1" x14ac:dyDescent="0.2">
      <c r="A31" s="24" t="s">
        <v>36</v>
      </c>
      <c r="B31" s="25" t="s">
        <v>76</v>
      </c>
      <c r="C31" s="26"/>
      <c r="D31" s="69">
        <v>3787</v>
      </c>
      <c r="E31" s="70">
        <v>9063</v>
      </c>
      <c r="F31" s="69">
        <v>1411</v>
      </c>
      <c r="G31" s="70">
        <v>2277</v>
      </c>
      <c r="H31" s="69">
        <v>1411</v>
      </c>
      <c r="I31" s="70">
        <v>2277</v>
      </c>
      <c r="J31" s="69">
        <v>504</v>
      </c>
      <c r="K31" s="69">
        <v>609</v>
      </c>
      <c r="L31" s="49">
        <v>37.299999999999997</v>
      </c>
      <c r="M31" s="50">
        <v>25.1</v>
      </c>
      <c r="N31" s="50">
        <v>100</v>
      </c>
      <c r="O31" s="50">
        <v>100</v>
      </c>
      <c r="P31" s="50">
        <v>35.700000000000003</v>
      </c>
      <c r="Q31" s="49">
        <v>26.7</v>
      </c>
      <c r="R31" s="51">
        <v>1.61</v>
      </c>
      <c r="S31" s="51">
        <v>1.61</v>
      </c>
      <c r="T31" s="51">
        <v>1.21</v>
      </c>
    </row>
    <row r="32" spans="1:20" s="20" customFormat="1" ht="13.2" customHeight="1" x14ac:dyDescent="0.2">
      <c r="A32" s="27" t="s">
        <v>37</v>
      </c>
      <c r="B32" s="28" t="s">
        <v>76</v>
      </c>
      <c r="C32" s="29"/>
      <c r="D32" s="71">
        <v>7314</v>
      </c>
      <c r="E32" s="72">
        <v>17311</v>
      </c>
      <c r="F32" s="71">
        <v>2306</v>
      </c>
      <c r="G32" s="72">
        <v>3703</v>
      </c>
      <c r="H32" s="71">
        <v>2306</v>
      </c>
      <c r="I32" s="72">
        <v>3703</v>
      </c>
      <c r="J32" s="71">
        <v>947</v>
      </c>
      <c r="K32" s="71">
        <v>1125</v>
      </c>
      <c r="L32" s="52">
        <v>31.5</v>
      </c>
      <c r="M32" s="53">
        <v>21.4</v>
      </c>
      <c r="N32" s="53">
        <v>100</v>
      </c>
      <c r="O32" s="53">
        <v>100</v>
      </c>
      <c r="P32" s="53">
        <v>41.1</v>
      </c>
      <c r="Q32" s="52">
        <v>30.4</v>
      </c>
      <c r="R32" s="54">
        <v>1.61</v>
      </c>
      <c r="S32" s="54">
        <v>1.61</v>
      </c>
      <c r="T32" s="54">
        <v>1.19</v>
      </c>
    </row>
    <row r="33" spans="1:20" s="20" customFormat="1" ht="13.2" customHeight="1" x14ac:dyDescent="0.2">
      <c r="A33" s="21" t="s">
        <v>38</v>
      </c>
      <c r="B33" s="22" t="s">
        <v>76</v>
      </c>
      <c r="C33" s="23"/>
      <c r="D33" s="66">
        <v>4864</v>
      </c>
      <c r="E33" s="65">
        <v>10683</v>
      </c>
      <c r="F33" s="66">
        <v>1598</v>
      </c>
      <c r="G33" s="65">
        <v>2422</v>
      </c>
      <c r="H33" s="66">
        <v>1598</v>
      </c>
      <c r="I33" s="65">
        <v>2422</v>
      </c>
      <c r="J33" s="66">
        <v>634</v>
      </c>
      <c r="K33" s="66">
        <v>749</v>
      </c>
      <c r="L33" s="45">
        <v>32.9</v>
      </c>
      <c r="M33" s="46">
        <v>22.7</v>
      </c>
      <c r="N33" s="46">
        <v>100</v>
      </c>
      <c r="O33" s="46">
        <v>100</v>
      </c>
      <c r="P33" s="46">
        <v>39.700000000000003</v>
      </c>
      <c r="Q33" s="45">
        <v>30.9</v>
      </c>
      <c r="R33" s="47">
        <v>1.52</v>
      </c>
      <c r="S33" s="47">
        <v>1.52</v>
      </c>
      <c r="T33" s="47">
        <v>1.18</v>
      </c>
    </row>
    <row r="34" spans="1:20" s="20" customFormat="1" ht="13.2" customHeight="1" x14ac:dyDescent="0.2">
      <c r="A34" s="21" t="s">
        <v>39</v>
      </c>
      <c r="B34" s="22" t="s">
        <v>76</v>
      </c>
      <c r="C34" s="23"/>
      <c r="D34" s="66">
        <v>4229</v>
      </c>
      <c r="E34" s="65">
        <v>9729</v>
      </c>
      <c r="F34" s="66">
        <v>1651</v>
      </c>
      <c r="G34" s="65">
        <v>2479</v>
      </c>
      <c r="H34" s="66">
        <v>1651</v>
      </c>
      <c r="I34" s="65">
        <v>2479</v>
      </c>
      <c r="J34" s="66">
        <v>539</v>
      </c>
      <c r="K34" s="66">
        <v>633</v>
      </c>
      <c r="L34" s="45">
        <v>39</v>
      </c>
      <c r="M34" s="46">
        <v>25.5</v>
      </c>
      <c r="N34" s="46">
        <v>100</v>
      </c>
      <c r="O34" s="46">
        <v>100</v>
      </c>
      <c r="P34" s="46">
        <v>32.6</v>
      </c>
      <c r="Q34" s="45">
        <v>25.5</v>
      </c>
      <c r="R34" s="47">
        <v>1.5</v>
      </c>
      <c r="S34" s="47">
        <v>1.5</v>
      </c>
      <c r="T34" s="47">
        <v>1.17</v>
      </c>
    </row>
    <row r="35" spans="1:20" s="20" customFormat="1" ht="13.2" customHeight="1" x14ac:dyDescent="0.2">
      <c r="A35" s="21" t="s">
        <v>40</v>
      </c>
      <c r="B35" s="22" t="s">
        <v>76</v>
      </c>
      <c r="C35" s="23"/>
      <c r="D35" s="66">
        <v>7507</v>
      </c>
      <c r="E35" s="65">
        <v>18363</v>
      </c>
      <c r="F35" s="66">
        <v>1950</v>
      </c>
      <c r="G35" s="65">
        <v>3011</v>
      </c>
      <c r="H35" s="66">
        <v>1950</v>
      </c>
      <c r="I35" s="65">
        <v>3011</v>
      </c>
      <c r="J35" s="66">
        <v>771</v>
      </c>
      <c r="K35" s="66">
        <v>901</v>
      </c>
      <c r="L35" s="45">
        <v>26</v>
      </c>
      <c r="M35" s="46">
        <v>16.399999999999999</v>
      </c>
      <c r="N35" s="46">
        <v>100</v>
      </c>
      <c r="O35" s="46">
        <v>100</v>
      </c>
      <c r="P35" s="46">
        <v>39.5</v>
      </c>
      <c r="Q35" s="45">
        <v>29.9</v>
      </c>
      <c r="R35" s="47">
        <v>1.54</v>
      </c>
      <c r="S35" s="47">
        <v>1.54</v>
      </c>
      <c r="T35" s="47">
        <v>1.17</v>
      </c>
    </row>
    <row r="36" spans="1:20" s="20" customFormat="1" ht="13.2" customHeight="1" x14ac:dyDescent="0.2">
      <c r="A36" s="24" t="s">
        <v>41</v>
      </c>
      <c r="B36" s="25"/>
      <c r="C36" s="26" t="s">
        <v>75</v>
      </c>
      <c r="D36" s="69">
        <v>6738</v>
      </c>
      <c r="E36" s="70">
        <v>10958</v>
      </c>
      <c r="F36" s="69">
        <v>1843</v>
      </c>
      <c r="G36" s="70">
        <v>2532</v>
      </c>
      <c r="H36" s="69">
        <v>1843</v>
      </c>
      <c r="I36" s="70">
        <v>2532</v>
      </c>
      <c r="J36" s="69">
        <v>714</v>
      </c>
      <c r="K36" s="69">
        <v>823</v>
      </c>
      <c r="L36" s="49">
        <v>27.4</v>
      </c>
      <c r="M36" s="50">
        <v>23.1</v>
      </c>
      <c r="N36" s="50">
        <v>100</v>
      </c>
      <c r="O36" s="50">
        <v>100</v>
      </c>
      <c r="P36" s="50">
        <v>38.700000000000003</v>
      </c>
      <c r="Q36" s="49">
        <v>32.5</v>
      </c>
      <c r="R36" s="51">
        <v>1.37</v>
      </c>
      <c r="S36" s="51">
        <v>1.37</v>
      </c>
      <c r="T36" s="51">
        <v>1.1499999999999999</v>
      </c>
    </row>
    <row r="37" spans="1:20" s="20" customFormat="1" ht="13.2" customHeight="1" x14ac:dyDescent="0.2">
      <c r="A37" s="27" t="s">
        <v>42</v>
      </c>
      <c r="B37" s="28" t="s">
        <v>76</v>
      </c>
      <c r="C37" s="29"/>
      <c r="D37" s="71">
        <v>3428</v>
      </c>
      <c r="E37" s="72">
        <v>6931</v>
      </c>
      <c r="F37" s="71">
        <v>1354</v>
      </c>
      <c r="G37" s="72">
        <v>2069</v>
      </c>
      <c r="H37" s="71">
        <v>1354</v>
      </c>
      <c r="I37" s="72">
        <v>2069</v>
      </c>
      <c r="J37" s="71">
        <v>584</v>
      </c>
      <c r="K37" s="71">
        <v>687</v>
      </c>
      <c r="L37" s="52">
        <v>39.5</v>
      </c>
      <c r="M37" s="53">
        <v>29.9</v>
      </c>
      <c r="N37" s="53">
        <v>100</v>
      </c>
      <c r="O37" s="53">
        <v>100</v>
      </c>
      <c r="P37" s="53">
        <v>43.1</v>
      </c>
      <c r="Q37" s="52">
        <v>33.200000000000003</v>
      </c>
      <c r="R37" s="54">
        <v>1.53</v>
      </c>
      <c r="S37" s="54">
        <v>1.53</v>
      </c>
      <c r="T37" s="54">
        <v>1.18</v>
      </c>
    </row>
    <row r="38" spans="1:20" s="20" customFormat="1" ht="13.2" customHeight="1" x14ac:dyDescent="0.2">
      <c r="A38" s="21" t="s">
        <v>43</v>
      </c>
      <c r="B38" s="22"/>
      <c r="C38" s="23" t="s">
        <v>75</v>
      </c>
      <c r="D38" s="66">
        <v>12842</v>
      </c>
      <c r="E38" s="65">
        <v>24030</v>
      </c>
      <c r="F38" s="66">
        <v>4288</v>
      </c>
      <c r="G38" s="65">
        <v>6242</v>
      </c>
      <c r="H38" s="66">
        <v>4288</v>
      </c>
      <c r="I38" s="65">
        <v>6242</v>
      </c>
      <c r="J38" s="66">
        <v>1791</v>
      </c>
      <c r="K38" s="66">
        <v>2088</v>
      </c>
      <c r="L38" s="45">
        <v>33.4</v>
      </c>
      <c r="M38" s="46">
        <v>26</v>
      </c>
      <c r="N38" s="46">
        <v>100</v>
      </c>
      <c r="O38" s="46">
        <v>100</v>
      </c>
      <c r="P38" s="46">
        <v>41.8</v>
      </c>
      <c r="Q38" s="45">
        <v>33.5</v>
      </c>
      <c r="R38" s="47">
        <v>1.46</v>
      </c>
      <c r="S38" s="47">
        <v>1.46</v>
      </c>
      <c r="T38" s="47">
        <v>1.17</v>
      </c>
    </row>
    <row r="39" spans="1:20" s="20" customFormat="1" ht="13.2" customHeight="1" x14ac:dyDescent="0.2">
      <c r="A39" s="21" t="s">
        <v>44</v>
      </c>
      <c r="B39" s="22" t="s">
        <v>76</v>
      </c>
      <c r="C39" s="23"/>
      <c r="D39" s="66">
        <v>18729</v>
      </c>
      <c r="E39" s="65">
        <v>39641</v>
      </c>
      <c r="F39" s="66">
        <v>6366</v>
      </c>
      <c r="G39" s="65">
        <v>9947</v>
      </c>
      <c r="H39" s="66">
        <v>6366</v>
      </c>
      <c r="I39" s="65">
        <v>9947</v>
      </c>
      <c r="J39" s="66">
        <v>2577</v>
      </c>
      <c r="K39" s="66">
        <v>3017</v>
      </c>
      <c r="L39" s="45">
        <v>34</v>
      </c>
      <c r="M39" s="46">
        <v>25.1</v>
      </c>
      <c r="N39" s="46">
        <v>100</v>
      </c>
      <c r="O39" s="46">
        <v>100</v>
      </c>
      <c r="P39" s="46">
        <v>40.5</v>
      </c>
      <c r="Q39" s="45">
        <v>30.3</v>
      </c>
      <c r="R39" s="47">
        <v>1.56</v>
      </c>
      <c r="S39" s="47">
        <v>1.56</v>
      </c>
      <c r="T39" s="47">
        <v>1.17</v>
      </c>
    </row>
    <row r="40" spans="1:20" s="20" customFormat="1" ht="13.2" customHeight="1" x14ac:dyDescent="0.2">
      <c r="A40" s="30" t="s">
        <v>45</v>
      </c>
      <c r="B40" s="31"/>
      <c r="C40" s="32" t="s">
        <v>75</v>
      </c>
      <c r="D40" s="73">
        <v>1259</v>
      </c>
      <c r="E40" s="74">
        <v>2837</v>
      </c>
      <c r="F40" s="73">
        <v>490</v>
      </c>
      <c r="G40" s="74">
        <v>769</v>
      </c>
      <c r="H40" s="73">
        <v>490</v>
      </c>
      <c r="I40" s="74">
        <v>769</v>
      </c>
      <c r="J40" s="73">
        <v>189</v>
      </c>
      <c r="K40" s="73">
        <v>225</v>
      </c>
      <c r="L40" s="55">
        <v>38.9</v>
      </c>
      <c r="M40" s="56">
        <v>27.1</v>
      </c>
      <c r="N40" s="56">
        <v>100</v>
      </c>
      <c r="O40" s="56">
        <v>100</v>
      </c>
      <c r="P40" s="56">
        <v>38.6</v>
      </c>
      <c r="Q40" s="55">
        <v>29.3</v>
      </c>
      <c r="R40" s="57">
        <v>1.57</v>
      </c>
      <c r="S40" s="57">
        <v>1.57</v>
      </c>
      <c r="T40" s="57">
        <v>1.19</v>
      </c>
    </row>
    <row r="41" spans="1:20" s="20" customFormat="1" ht="24" customHeight="1" x14ac:dyDescent="0.2">
      <c r="A41" s="33" t="s">
        <v>46</v>
      </c>
      <c r="B41" s="34">
        <v>19</v>
      </c>
      <c r="C41" s="35">
        <v>14</v>
      </c>
      <c r="D41" s="75">
        <v>4459729</v>
      </c>
      <c r="E41" s="75">
        <v>9207990</v>
      </c>
      <c r="F41" s="75">
        <v>1172262</v>
      </c>
      <c r="G41" s="76">
        <v>1714197</v>
      </c>
      <c r="H41" s="75">
        <v>1172262</v>
      </c>
      <c r="I41" s="76">
        <v>1714197</v>
      </c>
      <c r="J41" s="75">
        <v>492606</v>
      </c>
      <c r="K41" s="75">
        <v>566428</v>
      </c>
      <c r="L41" s="58">
        <v>26.3</v>
      </c>
      <c r="M41" s="59">
        <v>18.600000000000001</v>
      </c>
      <c r="N41" s="59">
        <v>100</v>
      </c>
      <c r="O41" s="59">
        <v>100</v>
      </c>
      <c r="P41" s="59">
        <v>42</v>
      </c>
      <c r="Q41" s="58">
        <v>33</v>
      </c>
      <c r="R41" s="60">
        <v>1.46</v>
      </c>
      <c r="S41" s="60">
        <v>1.46</v>
      </c>
      <c r="T41" s="60">
        <v>1.1499999999999999</v>
      </c>
    </row>
    <row r="42" spans="1:20" s="20" customFormat="1" ht="13.5" customHeight="1" x14ac:dyDescent="0.2">
      <c r="A42" s="36" t="s">
        <v>78</v>
      </c>
    </row>
  </sheetData>
  <mergeCells count="20">
    <mergeCell ref="K5:K6"/>
    <mergeCell ref="L5:L6"/>
    <mergeCell ref="M5:M6"/>
    <mergeCell ref="P5:P6"/>
    <mergeCell ref="B4:C7"/>
    <mergeCell ref="D4:D5"/>
    <mergeCell ref="E4:E5"/>
    <mergeCell ref="H5:H6"/>
    <mergeCell ref="I5:I6"/>
    <mergeCell ref="F5:F6"/>
    <mergeCell ref="G5:G6"/>
    <mergeCell ref="J5:J6"/>
    <mergeCell ref="R4:T4"/>
    <mergeCell ref="R5:R6"/>
    <mergeCell ref="S5:S6"/>
    <mergeCell ref="T5:T6"/>
    <mergeCell ref="N5:N6"/>
    <mergeCell ref="O5:O6"/>
    <mergeCell ref="L4:Q4"/>
    <mergeCell ref="Q5:Q6"/>
  </mergeCells>
  <phoneticPr fontId="2"/>
  <dataValidations count="1">
    <dataValidation imeMode="halfAlpha" allowBlank="1" showInputMessage="1" showErrorMessage="1" sqref="D18:K40 L18:T41 D8:T17"/>
  </dataValidations>
  <printOptions horizontalCentered="1" verticalCentered="1"/>
  <pageMargins left="0.2" right="0.2" top="0.59055118110236227" bottom="0.59055118110236227" header="0.51181102362204722" footer="0.31496062992125984"/>
  <pageSetup paperSize="9" scale="79" firstPageNumber="304" orientation="landscape" useFirstPageNumber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0"/>
  <sheetViews>
    <sheetView zoomScaleNormal="100" zoomScaleSheetLayoutView="100" workbookViewId="0">
      <pane xSplit="1" ySplit="5" topLeftCell="B6" activePane="bottomRight" state="frozen"/>
      <selection pane="topRight"/>
      <selection pane="bottomLeft"/>
      <selection pane="bottomRight"/>
    </sheetView>
  </sheetViews>
  <sheetFormatPr defaultColWidth="9" defaultRowHeight="12.75" customHeight="1" x14ac:dyDescent="0.15"/>
  <cols>
    <col min="1" max="1" width="11.6640625" style="2" customWidth="1"/>
    <col min="2" max="4" width="13.88671875" style="2" bestFit="1" customWidth="1"/>
    <col min="5" max="7" width="9.6640625" style="2" customWidth="1"/>
    <col min="8" max="9" width="13.88671875" style="2" bestFit="1" customWidth="1"/>
    <col min="10" max="13" width="12.77734375" style="2" bestFit="1" customWidth="1"/>
    <col min="14" max="14" width="15" style="2" bestFit="1" customWidth="1"/>
    <col min="15" max="16" width="13.88671875" style="2" bestFit="1" customWidth="1"/>
    <col min="17" max="21" width="9.33203125" style="2" customWidth="1"/>
    <col min="22" max="16384" width="9" style="2"/>
  </cols>
  <sheetData>
    <row r="1" spans="1:16" ht="15" customHeight="1" x14ac:dyDescent="0.15">
      <c r="A1" s="1" t="s">
        <v>74</v>
      </c>
    </row>
    <row r="2" spans="1:16" ht="13.2" customHeight="1" x14ac:dyDescent="0.15">
      <c r="A2" s="37"/>
      <c r="P2" s="38" t="s">
        <v>53</v>
      </c>
    </row>
    <row r="3" spans="1:16" s="7" customFormat="1" ht="13.5" customHeight="1" x14ac:dyDescent="0.2">
      <c r="A3" s="6" t="s">
        <v>1</v>
      </c>
      <c r="B3" s="82" t="s">
        <v>47</v>
      </c>
      <c r="C3" s="83"/>
      <c r="D3" s="83"/>
      <c r="E3" s="83"/>
      <c r="F3" s="83"/>
      <c r="G3" s="83"/>
      <c r="H3" s="83"/>
      <c r="I3" s="83"/>
      <c r="J3" s="83"/>
      <c r="K3" s="83"/>
      <c r="L3" s="83"/>
      <c r="M3" s="83"/>
      <c r="N3" s="83"/>
      <c r="O3" s="83"/>
      <c r="P3" s="84"/>
    </row>
    <row r="4" spans="1:16" s="40" customFormat="1" ht="13.5" customHeight="1" x14ac:dyDescent="0.15">
      <c r="A4" s="39"/>
      <c r="B4" s="101" t="s">
        <v>48</v>
      </c>
      <c r="C4" s="102"/>
      <c r="D4" s="103"/>
      <c r="E4" s="101" t="s">
        <v>49</v>
      </c>
      <c r="F4" s="102"/>
      <c r="G4" s="103"/>
      <c r="H4" s="101" t="s">
        <v>50</v>
      </c>
      <c r="I4" s="102"/>
      <c r="J4" s="103"/>
      <c r="K4" s="101" t="s">
        <v>51</v>
      </c>
      <c r="L4" s="102"/>
      <c r="M4" s="103"/>
      <c r="N4" s="101" t="s">
        <v>52</v>
      </c>
      <c r="O4" s="102"/>
      <c r="P4" s="103"/>
    </row>
    <row r="5" spans="1:16" s="41" customFormat="1" ht="32.1" customHeight="1" x14ac:dyDescent="0.15">
      <c r="A5" s="9" t="s">
        <v>7</v>
      </c>
      <c r="B5" s="10" t="s">
        <v>57</v>
      </c>
      <c r="C5" s="10" t="s">
        <v>58</v>
      </c>
      <c r="D5" s="10" t="s">
        <v>59</v>
      </c>
      <c r="E5" s="10" t="s">
        <v>57</v>
      </c>
      <c r="F5" s="10" t="s">
        <v>58</v>
      </c>
      <c r="G5" s="10" t="s">
        <v>59</v>
      </c>
      <c r="H5" s="10" t="s">
        <v>57</v>
      </c>
      <c r="I5" s="10" t="s">
        <v>58</v>
      </c>
      <c r="J5" s="10" t="s">
        <v>59</v>
      </c>
      <c r="K5" s="10" t="s">
        <v>57</v>
      </c>
      <c r="L5" s="10" t="s">
        <v>58</v>
      </c>
      <c r="M5" s="10" t="s">
        <v>59</v>
      </c>
      <c r="N5" s="10" t="s">
        <v>57</v>
      </c>
      <c r="O5" s="10" t="s">
        <v>58</v>
      </c>
      <c r="P5" s="10" t="s">
        <v>59</v>
      </c>
    </row>
    <row r="6" spans="1:16" s="20" customFormat="1" ht="13.2" customHeight="1" x14ac:dyDescent="0.2">
      <c r="A6" s="17" t="s">
        <v>13</v>
      </c>
      <c r="B6" s="77">
        <v>36170968</v>
      </c>
      <c r="C6" s="77">
        <v>10991628</v>
      </c>
      <c r="D6" s="77">
        <v>4982680</v>
      </c>
      <c r="E6" s="77">
        <v>0</v>
      </c>
      <c r="F6" s="77">
        <v>0</v>
      </c>
      <c r="G6" s="77">
        <v>0</v>
      </c>
      <c r="H6" s="77">
        <v>17032524</v>
      </c>
      <c r="I6" s="77">
        <v>5159722</v>
      </c>
      <c r="J6" s="77">
        <v>2388640</v>
      </c>
      <c r="K6" s="77">
        <v>0</v>
      </c>
      <c r="L6" s="77">
        <v>0</v>
      </c>
      <c r="M6" s="77">
        <v>0</v>
      </c>
      <c r="N6" s="77">
        <v>53203492</v>
      </c>
      <c r="O6" s="77">
        <v>16151350</v>
      </c>
      <c r="P6" s="77">
        <v>7371320</v>
      </c>
    </row>
    <row r="7" spans="1:16" s="20" customFormat="1" ht="13.2" customHeight="1" x14ac:dyDescent="0.2">
      <c r="A7" s="21" t="s">
        <v>14</v>
      </c>
      <c r="B7" s="78">
        <v>12698433</v>
      </c>
      <c r="C7" s="78">
        <v>4814772</v>
      </c>
      <c r="D7" s="78">
        <v>1943979</v>
      </c>
      <c r="E7" s="78">
        <v>0</v>
      </c>
      <c r="F7" s="78">
        <v>0</v>
      </c>
      <c r="G7" s="78">
        <v>0</v>
      </c>
      <c r="H7" s="78">
        <v>6473419</v>
      </c>
      <c r="I7" s="78">
        <v>2508402</v>
      </c>
      <c r="J7" s="78">
        <v>1037952</v>
      </c>
      <c r="K7" s="78">
        <v>0</v>
      </c>
      <c r="L7" s="78">
        <v>0</v>
      </c>
      <c r="M7" s="78">
        <v>0</v>
      </c>
      <c r="N7" s="78">
        <v>19171852</v>
      </c>
      <c r="O7" s="78">
        <v>7323174</v>
      </c>
      <c r="P7" s="78">
        <v>2981931</v>
      </c>
    </row>
    <row r="8" spans="1:16" s="20" customFormat="1" ht="13.2" customHeight="1" x14ac:dyDescent="0.2">
      <c r="A8" s="21" t="s">
        <v>22</v>
      </c>
      <c r="B8" s="78">
        <v>5877949</v>
      </c>
      <c r="C8" s="78">
        <v>2134244</v>
      </c>
      <c r="D8" s="78">
        <v>702284</v>
      </c>
      <c r="E8" s="78">
        <v>0</v>
      </c>
      <c r="F8" s="78">
        <v>0</v>
      </c>
      <c r="G8" s="78">
        <v>0</v>
      </c>
      <c r="H8" s="78">
        <v>2721443</v>
      </c>
      <c r="I8" s="78">
        <v>1055253</v>
      </c>
      <c r="J8" s="78">
        <v>321271</v>
      </c>
      <c r="K8" s="78">
        <v>1231566</v>
      </c>
      <c r="L8" s="78">
        <v>419852</v>
      </c>
      <c r="M8" s="78">
        <v>165326</v>
      </c>
      <c r="N8" s="78">
        <v>9830958</v>
      </c>
      <c r="O8" s="78">
        <v>3609349</v>
      </c>
      <c r="P8" s="78">
        <v>1188881</v>
      </c>
    </row>
    <row r="9" spans="1:16" s="20" customFormat="1" ht="13.2" customHeight="1" x14ac:dyDescent="0.2">
      <c r="A9" s="17" t="s">
        <v>15</v>
      </c>
      <c r="B9" s="77">
        <v>3288288</v>
      </c>
      <c r="C9" s="77">
        <v>1173650</v>
      </c>
      <c r="D9" s="77">
        <v>396514</v>
      </c>
      <c r="E9" s="77">
        <v>0</v>
      </c>
      <c r="F9" s="77">
        <v>0</v>
      </c>
      <c r="G9" s="77">
        <v>0</v>
      </c>
      <c r="H9" s="77">
        <v>1151118</v>
      </c>
      <c r="I9" s="77">
        <v>410226</v>
      </c>
      <c r="J9" s="77">
        <v>134233</v>
      </c>
      <c r="K9" s="77">
        <v>1140904</v>
      </c>
      <c r="L9" s="77">
        <v>407048</v>
      </c>
      <c r="M9" s="77">
        <v>133245</v>
      </c>
      <c r="N9" s="77">
        <v>5580310</v>
      </c>
      <c r="O9" s="77">
        <v>1990924</v>
      </c>
      <c r="P9" s="77">
        <v>663992</v>
      </c>
    </row>
    <row r="10" spans="1:16" s="20" customFormat="1" ht="13.2" customHeight="1" x14ac:dyDescent="0.2">
      <c r="A10" s="21" t="s">
        <v>16</v>
      </c>
      <c r="B10" s="78">
        <v>2174817</v>
      </c>
      <c r="C10" s="78">
        <v>823992</v>
      </c>
      <c r="D10" s="78">
        <v>311318</v>
      </c>
      <c r="E10" s="78">
        <v>0</v>
      </c>
      <c r="F10" s="78">
        <v>0</v>
      </c>
      <c r="G10" s="78">
        <v>0</v>
      </c>
      <c r="H10" s="78">
        <v>995101</v>
      </c>
      <c r="I10" s="78">
        <v>376163</v>
      </c>
      <c r="J10" s="78">
        <v>144070</v>
      </c>
      <c r="K10" s="78">
        <v>423218</v>
      </c>
      <c r="L10" s="78">
        <v>160189</v>
      </c>
      <c r="M10" s="78">
        <v>62595</v>
      </c>
      <c r="N10" s="78">
        <v>3593136</v>
      </c>
      <c r="O10" s="78">
        <v>1360344</v>
      </c>
      <c r="P10" s="78">
        <v>517983</v>
      </c>
    </row>
    <row r="11" spans="1:16" s="20" customFormat="1" ht="13.2" customHeight="1" x14ac:dyDescent="0.2">
      <c r="A11" s="21" t="s">
        <v>17</v>
      </c>
      <c r="B11" s="78">
        <v>1748142</v>
      </c>
      <c r="C11" s="78">
        <v>678031</v>
      </c>
      <c r="D11" s="78">
        <v>284090</v>
      </c>
      <c r="E11" s="78">
        <v>0</v>
      </c>
      <c r="F11" s="78">
        <v>0</v>
      </c>
      <c r="G11" s="78">
        <v>0</v>
      </c>
      <c r="H11" s="78">
        <v>668709</v>
      </c>
      <c r="I11" s="78">
        <v>246239</v>
      </c>
      <c r="J11" s="78">
        <v>91415</v>
      </c>
      <c r="K11" s="78">
        <v>268111</v>
      </c>
      <c r="L11" s="78">
        <v>95317</v>
      </c>
      <c r="M11" s="78">
        <v>40207</v>
      </c>
      <c r="N11" s="78">
        <v>2684962</v>
      </c>
      <c r="O11" s="78">
        <v>1019587</v>
      </c>
      <c r="P11" s="78">
        <v>415712</v>
      </c>
    </row>
    <row r="12" spans="1:16" s="20" customFormat="1" ht="13.2" customHeight="1" x14ac:dyDescent="0.2">
      <c r="A12" s="21" t="s">
        <v>18</v>
      </c>
      <c r="B12" s="78">
        <v>3536387</v>
      </c>
      <c r="C12" s="78">
        <v>1448237</v>
      </c>
      <c r="D12" s="78">
        <v>511916</v>
      </c>
      <c r="E12" s="78">
        <v>0</v>
      </c>
      <c r="F12" s="78">
        <v>0</v>
      </c>
      <c r="G12" s="78">
        <v>0</v>
      </c>
      <c r="H12" s="78">
        <v>1480105</v>
      </c>
      <c r="I12" s="78">
        <v>616084</v>
      </c>
      <c r="J12" s="78">
        <v>218127</v>
      </c>
      <c r="K12" s="78">
        <v>642306</v>
      </c>
      <c r="L12" s="78">
        <v>267237</v>
      </c>
      <c r="M12" s="78">
        <v>90234</v>
      </c>
      <c r="N12" s="78">
        <v>5658798</v>
      </c>
      <c r="O12" s="78">
        <v>2331558</v>
      </c>
      <c r="P12" s="78">
        <v>820277</v>
      </c>
    </row>
    <row r="13" spans="1:16" s="20" customFormat="1" ht="13.2" customHeight="1" x14ac:dyDescent="0.2">
      <c r="A13" s="21" t="s">
        <v>19</v>
      </c>
      <c r="B13" s="78">
        <v>1994835</v>
      </c>
      <c r="C13" s="78">
        <v>770001</v>
      </c>
      <c r="D13" s="78">
        <v>301026</v>
      </c>
      <c r="E13" s="78">
        <v>0</v>
      </c>
      <c r="F13" s="78">
        <v>0</v>
      </c>
      <c r="G13" s="78">
        <v>0</v>
      </c>
      <c r="H13" s="78">
        <v>790089</v>
      </c>
      <c r="I13" s="78">
        <v>295103</v>
      </c>
      <c r="J13" s="78">
        <v>112699</v>
      </c>
      <c r="K13" s="78">
        <v>416236</v>
      </c>
      <c r="L13" s="78">
        <v>149507</v>
      </c>
      <c r="M13" s="78">
        <v>58352</v>
      </c>
      <c r="N13" s="78">
        <v>3201160</v>
      </c>
      <c r="O13" s="78">
        <v>1214611</v>
      </c>
      <c r="P13" s="78">
        <v>472077</v>
      </c>
    </row>
    <row r="14" spans="1:16" s="20" customFormat="1" ht="13.2" customHeight="1" x14ac:dyDescent="0.2">
      <c r="A14" s="24" t="s">
        <v>20</v>
      </c>
      <c r="B14" s="79">
        <v>2103890</v>
      </c>
      <c r="C14" s="79">
        <v>896737</v>
      </c>
      <c r="D14" s="79">
        <v>324886</v>
      </c>
      <c r="E14" s="79">
        <v>0</v>
      </c>
      <c r="F14" s="79">
        <v>0</v>
      </c>
      <c r="G14" s="79">
        <v>0</v>
      </c>
      <c r="H14" s="79">
        <v>682545</v>
      </c>
      <c r="I14" s="79">
        <v>293328</v>
      </c>
      <c r="J14" s="79">
        <v>103321</v>
      </c>
      <c r="K14" s="79">
        <v>537056</v>
      </c>
      <c r="L14" s="79">
        <v>229343</v>
      </c>
      <c r="M14" s="79">
        <v>81917</v>
      </c>
      <c r="N14" s="79">
        <v>3323491</v>
      </c>
      <c r="O14" s="79">
        <v>1419408</v>
      </c>
      <c r="P14" s="79">
        <v>510124</v>
      </c>
    </row>
    <row r="15" spans="1:16" s="20" customFormat="1" ht="13.2" customHeight="1" x14ac:dyDescent="0.2">
      <c r="A15" s="27" t="s">
        <v>21</v>
      </c>
      <c r="B15" s="80">
        <v>554164</v>
      </c>
      <c r="C15" s="80">
        <v>244722</v>
      </c>
      <c r="D15" s="80">
        <v>84307</v>
      </c>
      <c r="E15" s="80">
        <v>0</v>
      </c>
      <c r="F15" s="80">
        <v>0</v>
      </c>
      <c r="G15" s="80">
        <v>0</v>
      </c>
      <c r="H15" s="80">
        <v>189920</v>
      </c>
      <c r="I15" s="80">
        <v>83677</v>
      </c>
      <c r="J15" s="80">
        <v>26437</v>
      </c>
      <c r="K15" s="80">
        <v>97916</v>
      </c>
      <c r="L15" s="80">
        <v>42950</v>
      </c>
      <c r="M15" s="80">
        <v>12926</v>
      </c>
      <c r="N15" s="80">
        <v>842000</v>
      </c>
      <c r="O15" s="80">
        <v>371349</v>
      </c>
      <c r="P15" s="80">
        <v>123670</v>
      </c>
    </row>
    <row r="16" spans="1:16" s="20" customFormat="1" ht="13.2" customHeight="1" x14ac:dyDescent="0.2">
      <c r="A16" s="21" t="s">
        <v>23</v>
      </c>
      <c r="B16" s="78">
        <v>534946</v>
      </c>
      <c r="C16" s="78">
        <v>213138</v>
      </c>
      <c r="D16" s="78">
        <v>95305</v>
      </c>
      <c r="E16" s="78">
        <v>0</v>
      </c>
      <c r="F16" s="78">
        <v>0</v>
      </c>
      <c r="G16" s="78">
        <v>0</v>
      </c>
      <c r="H16" s="78">
        <v>247240</v>
      </c>
      <c r="I16" s="78">
        <v>129594</v>
      </c>
      <c r="J16" s="78">
        <v>51676</v>
      </c>
      <c r="K16" s="78">
        <v>60609</v>
      </c>
      <c r="L16" s="78">
        <v>0</v>
      </c>
      <c r="M16" s="78">
        <v>6014</v>
      </c>
      <c r="N16" s="78">
        <v>842795</v>
      </c>
      <c r="O16" s="78">
        <v>342732</v>
      </c>
      <c r="P16" s="78">
        <v>152995</v>
      </c>
    </row>
    <row r="17" spans="1:16" s="20" customFormat="1" ht="13.2" customHeight="1" x14ac:dyDescent="0.2">
      <c r="A17" s="21" t="s">
        <v>24</v>
      </c>
      <c r="B17" s="78">
        <v>1676412</v>
      </c>
      <c r="C17" s="78">
        <v>674544</v>
      </c>
      <c r="D17" s="78">
        <v>203976</v>
      </c>
      <c r="E17" s="78">
        <v>0</v>
      </c>
      <c r="F17" s="78">
        <v>0</v>
      </c>
      <c r="G17" s="78">
        <v>0</v>
      </c>
      <c r="H17" s="78">
        <v>815876</v>
      </c>
      <c r="I17" s="78">
        <v>277481</v>
      </c>
      <c r="J17" s="78">
        <v>80813</v>
      </c>
      <c r="K17" s="78">
        <v>566217</v>
      </c>
      <c r="L17" s="78">
        <v>193149</v>
      </c>
      <c r="M17" s="78">
        <v>75555</v>
      </c>
      <c r="N17" s="78">
        <v>3058505</v>
      </c>
      <c r="O17" s="78">
        <v>1145174</v>
      </c>
      <c r="P17" s="78">
        <v>360344</v>
      </c>
    </row>
    <row r="18" spans="1:16" s="20" customFormat="1" ht="13.2" customHeight="1" x14ac:dyDescent="0.2">
      <c r="A18" s="21" t="s">
        <v>25</v>
      </c>
      <c r="B18" s="78">
        <v>2062522</v>
      </c>
      <c r="C18" s="78">
        <v>724783</v>
      </c>
      <c r="D18" s="78">
        <v>275340</v>
      </c>
      <c r="E18" s="78">
        <v>0</v>
      </c>
      <c r="F18" s="78">
        <v>0</v>
      </c>
      <c r="G18" s="78">
        <v>0</v>
      </c>
      <c r="H18" s="78">
        <v>791622</v>
      </c>
      <c r="I18" s="78">
        <v>277681</v>
      </c>
      <c r="J18" s="78">
        <v>100004</v>
      </c>
      <c r="K18" s="78">
        <v>473287</v>
      </c>
      <c r="L18" s="78">
        <v>166005</v>
      </c>
      <c r="M18" s="78">
        <v>59283</v>
      </c>
      <c r="N18" s="78">
        <v>3327431</v>
      </c>
      <c r="O18" s="78">
        <v>1168469</v>
      </c>
      <c r="P18" s="78">
        <v>434627</v>
      </c>
    </row>
    <row r="19" spans="1:16" s="20" customFormat="1" ht="13.2" customHeight="1" x14ac:dyDescent="0.2">
      <c r="A19" s="21" t="s">
        <v>26</v>
      </c>
      <c r="B19" s="78">
        <v>2028659</v>
      </c>
      <c r="C19" s="78">
        <v>731121</v>
      </c>
      <c r="D19" s="78">
        <v>188897</v>
      </c>
      <c r="E19" s="78">
        <v>0</v>
      </c>
      <c r="F19" s="78">
        <v>0</v>
      </c>
      <c r="G19" s="78">
        <v>0</v>
      </c>
      <c r="H19" s="78">
        <v>694226</v>
      </c>
      <c r="I19" s="78">
        <v>260335</v>
      </c>
      <c r="J19" s="78">
        <v>88745</v>
      </c>
      <c r="K19" s="78">
        <v>461477</v>
      </c>
      <c r="L19" s="78">
        <v>181794</v>
      </c>
      <c r="M19" s="78">
        <v>50783</v>
      </c>
      <c r="N19" s="78">
        <v>3184362</v>
      </c>
      <c r="O19" s="78">
        <v>1173250</v>
      </c>
      <c r="P19" s="78">
        <v>328425</v>
      </c>
    </row>
    <row r="20" spans="1:16" s="20" customFormat="1" ht="13.2" customHeight="1" x14ac:dyDescent="0.2">
      <c r="A20" s="27" t="s">
        <v>27</v>
      </c>
      <c r="B20" s="80">
        <v>756198</v>
      </c>
      <c r="C20" s="80">
        <v>301477</v>
      </c>
      <c r="D20" s="80">
        <v>97954</v>
      </c>
      <c r="E20" s="80">
        <v>0</v>
      </c>
      <c r="F20" s="80">
        <v>0</v>
      </c>
      <c r="G20" s="80">
        <v>0</v>
      </c>
      <c r="H20" s="80">
        <v>312329</v>
      </c>
      <c r="I20" s="80">
        <v>116008</v>
      </c>
      <c r="J20" s="80">
        <v>34593</v>
      </c>
      <c r="K20" s="80">
        <v>187820</v>
      </c>
      <c r="L20" s="80">
        <v>78559</v>
      </c>
      <c r="M20" s="80">
        <v>28050</v>
      </c>
      <c r="N20" s="80">
        <v>1256347</v>
      </c>
      <c r="O20" s="80">
        <v>496044</v>
      </c>
      <c r="P20" s="80">
        <v>160597</v>
      </c>
    </row>
    <row r="21" spans="1:16" s="20" customFormat="1" ht="13.2" customHeight="1" x14ac:dyDescent="0.2">
      <c r="A21" s="21" t="s">
        <v>28</v>
      </c>
      <c r="B21" s="78">
        <v>1070998</v>
      </c>
      <c r="C21" s="78">
        <v>363553</v>
      </c>
      <c r="D21" s="78">
        <v>117864</v>
      </c>
      <c r="E21" s="78">
        <v>0</v>
      </c>
      <c r="F21" s="78">
        <v>0</v>
      </c>
      <c r="G21" s="78">
        <v>0</v>
      </c>
      <c r="H21" s="78">
        <v>474715</v>
      </c>
      <c r="I21" s="78">
        <v>162244</v>
      </c>
      <c r="J21" s="78">
        <v>51717</v>
      </c>
      <c r="K21" s="78">
        <v>229530</v>
      </c>
      <c r="L21" s="78">
        <v>81446</v>
      </c>
      <c r="M21" s="78">
        <v>23498</v>
      </c>
      <c r="N21" s="78">
        <v>1775243</v>
      </c>
      <c r="O21" s="78">
        <v>607243</v>
      </c>
      <c r="P21" s="78">
        <v>193079</v>
      </c>
    </row>
    <row r="22" spans="1:16" s="20" customFormat="1" ht="13.2" customHeight="1" x14ac:dyDescent="0.2">
      <c r="A22" s="21" t="s">
        <v>29</v>
      </c>
      <c r="B22" s="78">
        <v>1104644</v>
      </c>
      <c r="C22" s="78">
        <v>386977</v>
      </c>
      <c r="D22" s="78">
        <v>131394</v>
      </c>
      <c r="E22" s="78">
        <v>0</v>
      </c>
      <c r="F22" s="78">
        <v>0</v>
      </c>
      <c r="G22" s="78">
        <v>0</v>
      </c>
      <c r="H22" s="78">
        <v>457906</v>
      </c>
      <c r="I22" s="78">
        <v>132008</v>
      </c>
      <c r="J22" s="78">
        <v>50203</v>
      </c>
      <c r="K22" s="78">
        <v>259207</v>
      </c>
      <c r="L22" s="78">
        <v>91639</v>
      </c>
      <c r="M22" s="78">
        <v>36225</v>
      </c>
      <c r="N22" s="78">
        <v>1821757</v>
      </c>
      <c r="O22" s="78">
        <v>610624</v>
      </c>
      <c r="P22" s="78">
        <v>217822</v>
      </c>
    </row>
    <row r="23" spans="1:16" s="20" customFormat="1" ht="13.2" customHeight="1" x14ac:dyDescent="0.2">
      <c r="A23" s="21" t="s">
        <v>30</v>
      </c>
      <c r="B23" s="78">
        <v>332430</v>
      </c>
      <c r="C23" s="78">
        <v>120358</v>
      </c>
      <c r="D23" s="78">
        <v>37435</v>
      </c>
      <c r="E23" s="78">
        <v>0</v>
      </c>
      <c r="F23" s="78">
        <v>0</v>
      </c>
      <c r="G23" s="78">
        <v>0</v>
      </c>
      <c r="H23" s="78">
        <v>162173</v>
      </c>
      <c r="I23" s="78">
        <v>62409</v>
      </c>
      <c r="J23" s="78">
        <v>26056</v>
      </c>
      <c r="K23" s="78">
        <v>113143</v>
      </c>
      <c r="L23" s="78">
        <v>43409</v>
      </c>
      <c r="M23" s="78">
        <v>14647</v>
      </c>
      <c r="N23" s="78">
        <v>607746</v>
      </c>
      <c r="O23" s="78">
        <v>226176</v>
      </c>
      <c r="P23" s="78">
        <v>78138</v>
      </c>
    </row>
    <row r="24" spans="1:16" s="20" customFormat="1" ht="13.2" customHeight="1" x14ac:dyDescent="0.2">
      <c r="A24" s="21" t="s">
        <v>31</v>
      </c>
      <c r="B24" s="81">
        <v>696814</v>
      </c>
      <c r="C24" s="81">
        <v>238607</v>
      </c>
      <c r="D24" s="81">
        <v>87634</v>
      </c>
      <c r="E24" s="81">
        <v>0</v>
      </c>
      <c r="F24" s="81">
        <v>0</v>
      </c>
      <c r="G24" s="81">
        <v>0</v>
      </c>
      <c r="H24" s="81">
        <v>238020</v>
      </c>
      <c r="I24" s="81">
        <v>96341</v>
      </c>
      <c r="J24" s="81">
        <v>25680</v>
      </c>
      <c r="K24" s="81">
        <v>161793</v>
      </c>
      <c r="L24" s="81">
        <v>60672</v>
      </c>
      <c r="M24" s="81">
        <v>21828</v>
      </c>
      <c r="N24" s="81">
        <v>1096627</v>
      </c>
      <c r="O24" s="81">
        <v>395620</v>
      </c>
      <c r="P24" s="81">
        <v>135142</v>
      </c>
    </row>
    <row r="25" spans="1:16" s="20" customFormat="1" ht="13.2" customHeight="1" x14ac:dyDescent="0.2">
      <c r="A25" s="17" t="s">
        <v>32</v>
      </c>
      <c r="B25" s="77">
        <v>300285</v>
      </c>
      <c r="C25" s="77">
        <v>134607</v>
      </c>
      <c r="D25" s="77">
        <v>60523</v>
      </c>
      <c r="E25" s="77">
        <v>0</v>
      </c>
      <c r="F25" s="77">
        <v>0</v>
      </c>
      <c r="G25" s="77">
        <v>0</v>
      </c>
      <c r="H25" s="77">
        <v>109571</v>
      </c>
      <c r="I25" s="77">
        <v>49018</v>
      </c>
      <c r="J25" s="77">
        <v>20369</v>
      </c>
      <c r="K25" s="77">
        <v>59320</v>
      </c>
      <c r="L25" s="77">
        <v>25423</v>
      </c>
      <c r="M25" s="77">
        <v>9338</v>
      </c>
      <c r="N25" s="77">
        <v>469176</v>
      </c>
      <c r="O25" s="77">
        <v>209048</v>
      </c>
      <c r="P25" s="77">
        <v>90230</v>
      </c>
    </row>
    <row r="26" spans="1:16" s="20" customFormat="1" ht="13.2" customHeight="1" x14ac:dyDescent="0.2">
      <c r="A26" s="21" t="s">
        <v>33</v>
      </c>
      <c r="B26" s="78">
        <v>367665</v>
      </c>
      <c r="C26" s="78">
        <v>183679</v>
      </c>
      <c r="D26" s="78">
        <v>59715</v>
      </c>
      <c r="E26" s="78">
        <v>0</v>
      </c>
      <c r="F26" s="78">
        <v>0</v>
      </c>
      <c r="G26" s="78">
        <v>0</v>
      </c>
      <c r="H26" s="78">
        <v>158204</v>
      </c>
      <c r="I26" s="78">
        <v>81031</v>
      </c>
      <c r="J26" s="78">
        <v>25738</v>
      </c>
      <c r="K26" s="78">
        <v>92155</v>
      </c>
      <c r="L26" s="78">
        <v>46077</v>
      </c>
      <c r="M26" s="78">
        <v>14231</v>
      </c>
      <c r="N26" s="78">
        <v>618024</v>
      </c>
      <c r="O26" s="78">
        <v>310787</v>
      </c>
      <c r="P26" s="78">
        <v>99684</v>
      </c>
    </row>
    <row r="27" spans="1:16" s="20" customFormat="1" ht="13.2" customHeight="1" x14ac:dyDescent="0.2">
      <c r="A27" s="21" t="s">
        <v>34</v>
      </c>
      <c r="B27" s="78">
        <v>311151</v>
      </c>
      <c r="C27" s="78">
        <v>132416</v>
      </c>
      <c r="D27" s="78">
        <v>42656</v>
      </c>
      <c r="E27" s="78">
        <v>0</v>
      </c>
      <c r="F27" s="78">
        <v>0</v>
      </c>
      <c r="G27" s="78">
        <v>0</v>
      </c>
      <c r="H27" s="78">
        <v>134269</v>
      </c>
      <c r="I27" s="78">
        <v>71245</v>
      </c>
      <c r="J27" s="78">
        <v>20200</v>
      </c>
      <c r="K27" s="78">
        <v>70047</v>
      </c>
      <c r="L27" s="78">
        <v>0</v>
      </c>
      <c r="M27" s="78">
        <v>0</v>
      </c>
      <c r="N27" s="78">
        <v>515467</v>
      </c>
      <c r="O27" s="78">
        <v>203661</v>
      </c>
      <c r="P27" s="78">
        <v>62856</v>
      </c>
    </row>
    <row r="28" spans="1:16" s="20" customFormat="1" ht="13.2" customHeight="1" x14ac:dyDescent="0.2">
      <c r="A28" s="21" t="s">
        <v>35</v>
      </c>
      <c r="B28" s="78">
        <v>257373</v>
      </c>
      <c r="C28" s="78">
        <v>85169</v>
      </c>
      <c r="D28" s="78">
        <v>31797</v>
      </c>
      <c r="E28" s="78">
        <v>0</v>
      </c>
      <c r="F28" s="78">
        <v>0</v>
      </c>
      <c r="G28" s="78">
        <v>0</v>
      </c>
      <c r="H28" s="78">
        <v>119936</v>
      </c>
      <c r="I28" s="78">
        <v>44039</v>
      </c>
      <c r="J28" s="78">
        <v>25408</v>
      </c>
      <c r="K28" s="78">
        <v>76040</v>
      </c>
      <c r="L28" s="78">
        <v>22637</v>
      </c>
      <c r="M28" s="78">
        <v>0</v>
      </c>
      <c r="N28" s="78">
        <v>453349</v>
      </c>
      <c r="O28" s="78">
        <v>151845</v>
      </c>
      <c r="P28" s="78">
        <v>57205</v>
      </c>
    </row>
    <row r="29" spans="1:16" s="20" customFormat="1" ht="13.2" customHeight="1" x14ac:dyDescent="0.2">
      <c r="A29" s="24" t="s">
        <v>36</v>
      </c>
      <c r="B29" s="79">
        <v>93727</v>
      </c>
      <c r="C29" s="79">
        <v>22659</v>
      </c>
      <c r="D29" s="79">
        <v>8510</v>
      </c>
      <c r="E29" s="79">
        <v>0</v>
      </c>
      <c r="F29" s="79">
        <v>0</v>
      </c>
      <c r="G29" s="79">
        <v>0</v>
      </c>
      <c r="H29" s="79">
        <v>44395</v>
      </c>
      <c r="I29" s="79">
        <v>11720</v>
      </c>
      <c r="J29" s="79">
        <v>4302</v>
      </c>
      <c r="K29" s="79">
        <v>25340</v>
      </c>
      <c r="L29" s="79">
        <v>6081</v>
      </c>
      <c r="M29" s="79">
        <v>2677</v>
      </c>
      <c r="N29" s="79">
        <v>163462</v>
      </c>
      <c r="O29" s="79">
        <v>40460</v>
      </c>
      <c r="P29" s="79">
        <v>15489</v>
      </c>
    </row>
    <row r="30" spans="1:16" s="20" customFormat="1" ht="13.2" customHeight="1" x14ac:dyDescent="0.2">
      <c r="A30" s="27" t="s">
        <v>37</v>
      </c>
      <c r="B30" s="80">
        <v>83487</v>
      </c>
      <c r="C30" s="80">
        <v>54440</v>
      </c>
      <c r="D30" s="80">
        <v>16779</v>
      </c>
      <c r="E30" s="80">
        <v>0</v>
      </c>
      <c r="F30" s="80">
        <v>0</v>
      </c>
      <c r="G30" s="80">
        <v>0</v>
      </c>
      <c r="H30" s="80">
        <v>52288</v>
      </c>
      <c r="I30" s="80">
        <v>21786</v>
      </c>
      <c r="J30" s="80">
        <v>6684</v>
      </c>
      <c r="K30" s="80">
        <v>16422</v>
      </c>
      <c r="L30" s="80">
        <v>6737</v>
      </c>
      <c r="M30" s="80">
        <v>2211</v>
      </c>
      <c r="N30" s="80">
        <v>152197</v>
      </c>
      <c r="O30" s="80">
        <v>82963</v>
      </c>
      <c r="P30" s="80">
        <v>25674</v>
      </c>
    </row>
    <row r="31" spans="1:16" s="20" customFormat="1" ht="13.2" customHeight="1" x14ac:dyDescent="0.2">
      <c r="A31" s="21" t="s">
        <v>38</v>
      </c>
      <c r="B31" s="78">
        <v>93710</v>
      </c>
      <c r="C31" s="78">
        <v>39810</v>
      </c>
      <c r="D31" s="78">
        <v>11727</v>
      </c>
      <c r="E31" s="78">
        <v>0</v>
      </c>
      <c r="F31" s="78">
        <v>0</v>
      </c>
      <c r="G31" s="78">
        <v>0</v>
      </c>
      <c r="H31" s="78">
        <v>50391</v>
      </c>
      <c r="I31" s="78">
        <v>18324</v>
      </c>
      <c r="J31" s="78">
        <v>6086</v>
      </c>
      <c r="K31" s="78">
        <v>29951</v>
      </c>
      <c r="L31" s="78">
        <v>7677</v>
      </c>
      <c r="M31" s="78">
        <v>3616</v>
      </c>
      <c r="N31" s="78">
        <v>174052</v>
      </c>
      <c r="O31" s="78">
        <v>65811</v>
      </c>
      <c r="P31" s="78">
        <v>21429</v>
      </c>
    </row>
    <row r="32" spans="1:16" s="20" customFormat="1" ht="13.2" customHeight="1" x14ac:dyDescent="0.2">
      <c r="A32" s="21" t="s">
        <v>39</v>
      </c>
      <c r="B32" s="78">
        <v>91710</v>
      </c>
      <c r="C32" s="78">
        <v>21481</v>
      </c>
      <c r="D32" s="78">
        <v>6875</v>
      </c>
      <c r="E32" s="78">
        <v>25684</v>
      </c>
      <c r="F32" s="78">
        <v>3891</v>
      </c>
      <c r="G32" s="78">
        <v>811</v>
      </c>
      <c r="H32" s="78">
        <v>44870</v>
      </c>
      <c r="I32" s="78">
        <v>15997</v>
      </c>
      <c r="J32" s="78">
        <v>2149</v>
      </c>
      <c r="K32" s="78">
        <v>48796</v>
      </c>
      <c r="L32" s="78">
        <v>7140</v>
      </c>
      <c r="M32" s="78">
        <v>2394</v>
      </c>
      <c r="N32" s="78">
        <v>211060</v>
      </c>
      <c r="O32" s="78">
        <v>48509</v>
      </c>
      <c r="P32" s="78">
        <v>12229</v>
      </c>
    </row>
    <row r="33" spans="1:16" s="20" customFormat="1" ht="13.2" customHeight="1" x14ac:dyDescent="0.2">
      <c r="A33" s="21" t="s">
        <v>40</v>
      </c>
      <c r="B33" s="78">
        <v>138493</v>
      </c>
      <c r="C33" s="78">
        <v>51413</v>
      </c>
      <c r="D33" s="78">
        <v>16190</v>
      </c>
      <c r="E33" s="78">
        <v>0</v>
      </c>
      <c r="F33" s="78">
        <v>0</v>
      </c>
      <c r="G33" s="78">
        <v>0</v>
      </c>
      <c r="H33" s="78">
        <v>63911</v>
      </c>
      <c r="I33" s="78">
        <v>23966</v>
      </c>
      <c r="J33" s="78">
        <v>7712</v>
      </c>
      <c r="K33" s="78">
        <v>23944</v>
      </c>
      <c r="L33" s="78">
        <v>9691</v>
      </c>
      <c r="M33" s="78">
        <v>2908</v>
      </c>
      <c r="N33" s="78">
        <v>226348</v>
      </c>
      <c r="O33" s="78">
        <v>85070</v>
      </c>
      <c r="P33" s="78">
        <v>26810</v>
      </c>
    </row>
    <row r="34" spans="1:16" s="20" customFormat="1" ht="13.2" customHeight="1" x14ac:dyDescent="0.2">
      <c r="A34" s="24" t="s">
        <v>41</v>
      </c>
      <c r="B34" s="79">
        <v>102150</v>
      </c>
      <c r="C34" s="79">
        <v>30138</v>
      </c>
      <c r="D34" s="79">
        <v>13330</v>
      </c>
      <c r="E34" s="79">
        <v>0</v>
      </c>
      <c r="F34" s="79">
        <v>0</v>
      </c>
      <c r="G34" s="79">
        <v>0</v>
      </c>
      <c r="H34" s="79">
        <v>33538</v>
      </c>
      <c r="I34" s="79">
        <v>9864</v>
      </c>
      <c r="J34" s="79">
        <v>4642</v>
      </c>
      <c r="K34" s="79">
        <v>25756</v>
      </c>
      <c r="L34" s="79">
        <v>7572</v>
      </c>
      <c r="M34" s="79">
        <v>3660</v>
      </c>
      <c r="N34" s="79">
        <v>161444</v>
      </c>
      <c r="O34" s="79">
        <v>47574</v>
      </c>
      <c r="P34" s="79">
        <v>21632</v>
      </c>
    </row>
    <row r="35" spans="1:16" s="20" customFormat="1" ht="13.2" customHeight="1" x14ac:dyDescent="0.2">
      <c r="A35" s="27" t="s">
        <v>42</v>
      </c>
      <c r="B35" s="80">
        <v>115031</v>
      </c>
      <c r="C35" s="80">
        <v>33268</v>
      </c>
      <c r="D35" s="80">
        <v>15770</v>
      </c>
      <c r="E35" s="80">
        <v>0</v>
      </c>
      <c r="F35" s="80">
        <v>0</v>
      </c>
      <c r="G35" s="80">
        <v>0</v>
      </c>
      <c r="H35" s="80">
        <v>67084</v>
      </c>
      <c r="I35" s="80">
        <v>20024</v>
      </c>
      <c r="J35" s="80">
        <v>10364</v>
      </c>
      <c r="K35" s="80">
        <v>35393</v>
      </c>
      <c r="L35" s="80">
        <v>10540</v>
      </c>
      <c r="M35" s="80">
        <v>4509</v>
      </c>
      <c r="N35" s="80">
        <v>217508</v>
      </c>
      <c r="O35" s="80">
        <v>63832</v>
      </c>
      <c r="P35" s="80">
        <v>30643</v>
      </c>
    </row>
    <row r="36" spans="1:16" s="20" customFormat="1" ht="13.2" customHeight="1" x14ac:dyDescent="0.2">
      <c r="A36" s="21" t="s">
        <v>43</v>
      </c>
      <c r="B36" s="78">
        <v>254579</v>
      </c>
      <c r="C36" s="78">
        <v>97507</v>
      </c>
      <c r="D36" s="78">
        <v>30521</v>
      </c>
      <c r="E36" s="78">
        <v>0</v>
      </c>
      <c r="F36" s="78">
        <v>0</v>
      </c>
      <c r="G36" s="78">
        <v>0</v>
      </c>
      <c r="H36" s="78">
        <v>99610</v>
      </c>
      <c r="I36" s="78">
        <v>39295</v>
      </c>
      <c r="J36" s="78">
        <v>11490</v>
      </c>
      <c r="K36" s="78">
        <v>48169</v>
      </c>
      <c r="L36" s="78">
        <v>18975</v>
      </c>
      <c r="M36" s="78">
        <v>5578</v>
      </c>
      <c r="N36" s="78">
        <v>402358</v>
      </c>
      <c r="O36" s="78">
        <v>155777</v>
      </c>
      <c r="P36" s="78">
        <v>47589</v>
      </c>
    </row>
    <row r="37" spans="1:16" s="20" customFormat="1" ht="13.2" customHeight="1" x14ac:dyDescent="0.2">
      <c r="A37" s="21" t="s">
        <v>44</v>
      </c>
      <c r="B37" s="78">
        <v>400185</v>
      </c>
      <c r="C37" s="78">
        <v>133990</v>
      </c>
      <c r="D37" s="78">
        <v>40808</v>
      </c>
      <c r="E37" s="78">
        <v>0</v>
      </c>
      <c r="F37" s="78">
        <v>0</v>
      </c>
      <c r="G37" s="78">
        <v>0</v>
      </c>
      <c r="H37" s="78">
        <v>153167</v>
      </c>
      <c r="I37" s="78">
        <v>49554</v>
      </c>
      <c r="J37" s="78">
        <v>16085</v>
      </c>
      <c r="K37" s="78">
        <v>107684</v>
      </c>
      <c r="L37" s="78">
        <v>38586</v>
      </c>
      <c r="M37" s="78">
        <v>11614</v>
      </c>
      <c r="N37" s="78">
        <v>661036</v>
      </c>
      <c r="O37" s="78">
        <v>222130</v>
      </c>
      <c r="P37" s="78">
        <v>68507</v>
      </c>
    </row>
    <row r="38" spans="1:16" s="20" customFormat="1" ht="13.2" customHeight="1" x14ac:dyDescent="0.2">
      <c r="A38" s="30" t="s">
        <v>45</v>
      </c>
      <c r="B38" s="81">
        <v>29216</v>
      </c>
      <c r="C38" s="81">
        <v>8392</v>
      </c>
      <c r="D38" s="81">
        <v>3286</v>
      </c>
      <c r="E38" s="81">
        <v>0</v>
      </c>
      <c r="F38" s="81">
        <v>0</v>
      </c>
      <c r="G38" s="81">
        <v>0</v>
      </c>
      <c r="H38" s="81">
        <v>13208</v>
      </c>
      <c r="I38" s="81">
        <v>3790</v>
      </c>
      <c r="J38" s="81">
        <v>1530</v>
      </c>
      <c r="K38" s="81">
        <v>3739</v>
      </c>
      <c r="L38" s="81">
        <v>1072</v>
      </c>
      <c r="M38" s="81">
        <v>443</v>
      </c>
      <c r="N38" s="81">
        <v>46163</v>
      </c>
      <c r="O38" s="81">
        <v>13254</v>
      </c>
      <c r="P38" s="81">
        <v>5259</v>
      </c>
    </row>
    <row r="39" spans="1:16" s="20" customFormat="1" ht="24" customHeight="1" x14ac:dyDescent="0.2">
      <c r="A39" s="33" t="s">
        <v>46</v>
      </c>
      <c r="B39" s="75">
        <v>83050258</v>
      </c>
      <c r="C39" s="75">
        <v>28759541</v>
      </c>
      <c r="D39" s="75">
        <v>11437286</v>
      </c>
      <c r="E39" s="75">
        <v>25684</v>
      </c>
      <c r="F39" s="75">
        <v>3891</v>
      </c>
      <c r="G39" s="75">
        <v>811</v>
      </c>
      <c r="H39" s="75">
        <v>37523522</v>
      </c>
      <c r="I39" s="75">
        <v>13017951</v>
      </c>
      <c r="J39" s="75">
        <v>5250411</v>
      </c>
      <c r="K39" s="75">
        <v>7933152</v>
      </c>
      <c r="L39" s="75">
        <v>2876324</v>
      </c>
      <c r="M39" s="75">
        <v>1023864</v>
      </c>
      <c r="N39" s="75">
        <v>128532616</v>
      </c>
      <c r="O39" s="75">
        <v>44657707</v>
      </c>
      <c r="P39" s="75">
        <v>17712372</v>
      </c>
    </row>
    <row r="40" spans="1:16" s="20" customFormat="1" ht="13.5" customHeight="1" x14ac:dyDescent="0.2">
      <c r="A40" s="36" t="s">
        <v>79</v>
      </c>
    </row>
  </sheetData>
  <mergeCells count="6">
    <mergeCell ref="B4:D4"/>
    <mergeCell ref="B3:P3"/>
    <mergeCell ref="E4:G4"/>
    <mergeCell ref="H4:J4"/>
    <mergeCell ref="K4:M4"/>
    <mergeCell ref="N4:P4"/>
  </mergeCells>
  <phoneticPr fontId="2"/>
  <dataValidations count="1">
    <dataValidation imeMode="halfAlpha" allowBlank="1" showInputMessage="1" showErrorMessage="1" sqref="B6:P38"/>
  </dataValidations>
  <printOptions horizontalCentered="1" verticalCentered="1"/>
  <pageMargins left="0.2" right="0.24" top="0.59055118110236227" bottom="0.59055118110236227" header="0.51181102362204722" footer="0.31496062992125984"/>
  <pageSetup paperSize="9" scale="71" firstPageNumber="304" fitToHeight="0" orientation="landscape" useFirstPageNumber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国保①</vt:lpstr>
      <vt:lpstr>国保②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マイマート</dc:creator>
  <cp:lastModifiedBy>user</cp:lastModifiedBy>
  <cp:lastPrinted>2023-01-10T05:57:58Z</cp:lastPrinted>
  <dcterms:created xsi:type="dcterms:W3CDTF">2004-02-14T02:46:46Z</dcterms:created>
  <dcterms:modified xsi:type="dcterms:W3CDTF">2023-01-10T05:58:36Z</dcterms:modified>
</cp:coreProperties>
</file>